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apps\FME2019\s57\"/>
    </mc:Choice>
  </mc:AlternateContent>
  <bookViews>
    <workbookView xWindow="3150" yWindow="0" windowWidth="19935" windowHeight="10140"/>
  </bookViews>
  <sheets>
    <sheet name="s57objectclasses" sheetId="1" r:id="rId1"/>
  </sheets>
  <calcPr calcId="0"/>
</workbook>
</file>

<file path=xl/sharedStrings.xml><?xml version="1.0" encoding="utf-8"?>
<sst xmlns="http://schemas.openxmlformats.org/spreadsheetml/2006/main" count="1267" uniqueCount="546">
  <si>
    <t>Code</t>
  </si>
  <si>
    <t>ObjectClass</t>
  </si>
  <si>
    <t>Acronym</t>
  </si>
  <si>
    <t>Attribute_A</t>
  </si>
  <si>
    <t>Attribute_B</t>
  </si>
  <si>
    <t>Attribute_C</t>
  </si>
  <si>
    <t>Class</t>
  </si>
  <si>
    <t>Primitives</t>
  </si>
  <si>
    <t>Administration area (Named)</t>
  </si>
  <si>
    <t>ADMARE</t>
  </si>
  <si>
    <t>JRSDTN;NATION;NOBJNM;OBJNAM;</t>
  </si>
  <si>
    <t>INFORM;NINFOM;NTXTDS;PICREP;SCAMAX;SCAMIN;TXTDSC;</t>
  </si>
  <si>
    <t>RECDAT;RECIND;SORDAT;SORIND;</t>
  </si>
  <si>
    <t>G</t>
  </si>
  <si>
    <t>Area;</t>
  </si>
  <si>
    <t>Airport / airfield</t>
  </si>
  <si>
    <t>AIRARE</t>
  </si>
  <si>
    <t>CATAIR;CONDTN;CONVIS;NOBJNM;OBJNAM;STATUS;</t>
  </si>
  <si>
    <t>Point;Area;</t>
  </si>
  <si>
    <t>Anchor berth</t>
  </si>
  <si>
    <t>ACHBRT</t>
  </si>
  <si>
    <t>CATACH;DATEND;DATSTA;NOBJNM;OBJNAM;PEREND;PERSTA;RADIUS;STATUS;</t>
  </si>
  <si>
    <t>INFORM;NINFOM;NTXTDS;SCAMAX;SCAMIN;TXTDSC;</t>
  </si>
  <si>
    <t>Anchorage area</t>
  </si>
  <si>
    <t>ACHARE</t>
  </si>
  <si>
    <t>CATACH;DATEND;DATSTA;NOBJNM;OBJNAM;PEREND;PERSTA;RESTRN;STATUS;</t>
  </si>
  <si>
    <t>Beacon, cardinal</t>
  </si>
  <si>
    <t>BCNCAR</t>
  </si>
  <si>
    <t>BCNSHP;CATCAM;COLOUR;COLPAT;CONDTN;CONVIS;CONRAD;DATEND;DATSTA;ELEVAT;HEIGHT;MARSYS;NATCON;NOBJNM;OBJNAM;PEREND;PERSTA;STATUS;VERACC;VERDAT;VERLEN;</t>
  </si>
  <si>
    <t>Point;</t>
  </si>
  <si>
    <t>Beacon, isolated danger</t>
  </si>
  <si>
    <t>BCNISD</t>
  </si>
  <si>
    <t>BCNSHP;COLOUR;COLPAT;CONDTN;CONRAD;CONVIS;DATEND;DATSTA;ELEVAT;HEIGHT;MARSYS;NATCON;NOBJNM;OBJNAM;PEREND;PERSTA;STATUS;VERACC;VERDAT;VERLEN;</t>
  </si>
  <si>
    <t>Beacon, lateral</t>
  </si>
  <si>
    <t>BCNLAT</t>
  </si>
  <si>
    <t>BCNSHP;CATLAM;COLOUR;COLPAT;CONDTN;CONRAD;CONVIS;DATEND;DATSTA;ELEVAT;HEIGHT;MARSYS;NATCON;NOBJNM;OBJNAM;PEREND;PERSTA;STATUS;VERACC;VERDAT;VERLEN;</t>
  </si>
  <si>
    <t>Beacon, safe water</t>
  </si>
  <si>
    <t>BCNSAW</t>
  </si>
  <si>
    <t>Beacon, special purpose/general</t>
  </si>
  <si>
    <t>BCNSPP</t>
  </si>
  <si>
    <t>BCNSHP;CATSPM;COLOUR;COLPAT;CONDTN;CONRAD;CONVIS;DATEND;DATSTA;ELEVAT;HEIGHT;MARSYS;NATCON;NOBJNM;OBJNAM;PEREND;PERSTA;STATUS;VERACC;VERDAT;VERLEN;</t>
  </si>
  <si>
    <t>Berth</t>
  </si>
  <si>
    <t>BERTHS</t>
  </si>
  <si>
    <t>DATEND;DATSTA;DRVAL1;NOBJNM;OBJNAM;PEREND;PERSTA;QUASOU;SOUACC;STATUS;VERDAT;</t>
  </si>
  <si>
    <t>Point;Line;Area;</t>
  </si>
  <si>
    <t>Bridge</t>
  </si>
  <si>
    <t>BRIDGE</t>
  </si>
  <si>
    <t>CATBRG;COLOUR;COLPAT;CONDTN;CONRAD;CONVIS;DATEND;DATSTA;HORACC;HORCLR;NATCON;NOBJNM;OBJNAM;VERACC;VERCCL;VERCLR;VERCOP;VERDAT;</t>
  </si>
  <si>
    <t>Building, single</t>
  </si>
  <si>
    <t>BUISGL</t>
  </si>
  <si>
    <t>BUISHP;COLOUR;COLPAT;CONDTN;CONRAD;CONVIS;ELEVAT;FUNCTN;HEIGHT;NATCON;NOBJNM;OBJNAM;STATUS;VERACC;VERDAT;VERLEN;</t>
  </si>
  <si>
    <t>Built-up area</t>
  </si>
  <si>
    <t>BUAARE</t>
  </si>
  <si>
    <t>CATBUA;CONDTN;CONRAD;CONVIS;HEIGHT;NOBJNM;OBJNAM;VERACC;VERDAT;</t>
  </si>
  <si>
    <t>Buoy, cardinal</t>
  </si>
  <si>
    <t>BOYCAR</t>
  </si>
  <si>
    <t>BOYSHP;CATCAM;COLOUR;COLPAT;CONRAD;DATEND;DATSTA;MARSYS;NATCON;NOBJNM;OBJNAM;PEREND;PERSTA;STATUS;VERACC;VERLEN;</t>
  </si>
  <si>
    <t>Buoy, installation</t>
  </si>
  <si>
    <t>BOYINB</t>
  </si>
  <si>
    <t>BOYSHP;CATINB;COLOUR;COLPAT;CONRAD;DATEND;DATSTA;MARSYS;NATCON;NOBJNM;OBJNAM;PEREND;PERSTA;PRODCT;STATUS;VERACC;VERLEN;</t>
  </si>
  <si>
    <t>Buoy, isolated danger</t>
  </si>
  <si>
    <t>BOYISD</t>
  </si>
  <si>
    <t>BOYSHP;COLOUR;COLPAT;CONRAD;DATEND;DATSTA;MARSYS;NATCON;NOBJNM;OBJNAM;PEREND;PERSTA;STATUS;VERACC;VERLEN;</t>
  </si>
  <si>
    <t>Buoy, lateral</t>
  </si>
  <si>
    <t>BOYLAT</t>
  </si>
  <si>
    <t>BOYSHP;CATLAM;COLOUR;COLPAT;CONRAD;DATEND;DATSTA;MARSYS;NATCON;NOBJNM;OBJNAM;PEREND;PERSTA;STATUS;VERACC;VERLEN;</t>
  </si>
  <si>
    <t>Buoy, safe water</t>
  </si>
  <si>
    <t>BOYSAW</t>
  </si>
  <si>
    <t>Buoy, special purpose/general</t>
  </si>
  <si>
    <t>BOYSPP</t>
  </si>
  <si>
    <t>BOYSHP;CATSPM;COLOUR;COLPAT;CONRAD;DATEND;DATSTA;MARSYS;NATCON;NOBJNM;OBJNAM;PEREND;PERSTA;STATUS;VERACC;VERLEN;</t>
  </si>
  <si>
    <t>Cable area</t>
  </si>
  <si>
    <t>CBLARE</t>
  </si>
  <si>
    <t>CATCBL;DATEND;DATSTA;NOBJNM;OBJNAM;RESTRN;STATUS;</t>
  </si>
  <si>
    <t>Cable, overhead</t>
  </si>
  <si>
    <t>CBLOHD</t>
  </si>
  <si>
    <t>CATCBL;CONDTN;CONRAD;CONVIS;DATEND;DATSTA;ICEFAC;NOBJNM;OBJNAM;STATUS;VERACC;VERCLR;VERCSA;VERDAT;</t>
  </si>
  <si>
    <t>Line;</t>
  </si>
  <si>
    <t>Cable, submarine</t>
  </si>
  <si>
    <t>CBLSUB</t>
  </si>
  <si>
    <t>BURDEP;CATCBL;CONDTN;DATEND;DATSTA;NOBJNM;OBJNAM;STATUS;VERDAT;</t>
  </si>
  <si>
    <t>Canal</t>
  </si>
  <si>
    <t>CANALS</t>
  </si>
  <si>
    <t>CATCAN;CONDTN;DATEND;DATSTA;HORACC;HORCLR;HORWID;NOBJNM;OBJNAM;STATUS;</t>
  </si>
  <si>
    <t>Line;Area;</t>
  </si>
  <si>
    <t>Canal bank</t>
  </si>
  <si>
    <t>CANBNK</t>
  </si>
  <si>
    <t>CONDTN;DATEND;DATSTA;NOBJNM;OBJNAM;</t>
  </si>
  <si>
    <t>Cargo transshipment area</t>
  </si>
  <si>
    <t>CTSARE</t>
  </si>
  <si>
    <t>DATEND;DATSTA;NOBJNM;OBJNAM;PEREND;PERSTA;STATUS;</t>
  </si>
  <si>
    <t>Causeway</t>
  </si>
  <si>
    <t>CAUSWY</t>
  </si>
  <si>
    <t>CONDTN;NATCON;NOBJNM;OBJNAM;STATUS;WATLEV;</t>
  </si>
  <si>
    <t>Caution area</t>
  </si>
  <si>
    <t>CTNARE</t>
  </si>
  <si>
    <t>DATEND;DATSTA;PEREND;PERSTA;</t>
  </si>
  <si>
    <t>Checkpoint</t>
  </si>
  <si>
    <t>CHKPNT</t>
  </si>
  <si>
    <t>CATCHP;NOBJNM;OBJNAM;STATUS;</t>
  </si>
  <si>
    <t>Coastguard station</t>
  </si>
  <si>
    <t>CGUSTA</t>
  </si>
  <si>
    <t>Coastline</t>
  </si>
  <si>
    <t>COALNE</t>
  </si>
  <si>
    <t>CATCOA;COLOUR;CONRAD;CONVIS;ELEVAT;NOBJNM;OBJNAM;VERACC;VERDAT;</t>
  </si>
  <si>
    <t>Contiguous zone</t>
  </si>
  <si>
    <t>CONZNE</t>
  </si>
  <si>
    <t>DATEND;DATSTA;NATION;STATUS;</t>
  </si>
  <si>
    <t>Continental shelf area</t>
  </si>
  <si>
    <t>COSARE</t>
  </si>
  <si>
    <t>NATION;NOBJNM;OBJNAM;</t>
  </si>
  <si>
    <t>Control point</t>
  </si>
  <si>
    <t>CTRPNT</t>
  </si>
  <si>
    <t>CATCTR;DATEND;DATSTA;ELEVAT;NOBJNM;OBJNAM;VERACC;VERDAT;</t>
  </si>
  <si>
    <t>Conveyor</t>
  </si>
  <si>
    <t>CONVYR</t>
  </si>
  <si>
    <t>CATCON;COLOUR;COLPAT;CONDTN;CONRAD;CONVIS;DATEND;DATSTA;HEIGHT;LIFCAP;NOBJNM;OBJNAM;PRODCT;STATUS;VERACC;VERCLR;VERDAT;VERLEN;</t>
  </si>
  <si>
    <t>Crane</t>
  </si>
  <si>
    <t>CRANES</t>
  </si>
  <si>
    <t>CATCRN;COLOUR;COLPAT;CONDTN;CONRAD;CONVIS;HEIGHT;LIFCAP;NOBJNM;OBJNAM;ORIENT;RADIUS;STATUS;VERACC;VERCLR;VERDAT;VERLEN;</t>
  </si>
  <si>
    <t>Current - non - gravitational</t>
  </si>
  <si>
    <t>CURENT</t>
  </si>
  <si>
    <t>CURVEL;DATEND;DATSTA;NOBJNM;OBJNAM;ORIENT;PEREND;PERSTA;</t>
  </si>
  <si>
    <t>INFORM;NINFOM;SCAMAX;SCAMIN;</t>
  </si>
  <si>
    <t>Custom zone</t>
  </si>
  <si>
    <t>CUSZNE</t>
  </si>
  <si>
    <t>NATION;</t>
  </si>
  <si>
    <t>Dam</t>
  </si>
  <si>
    <t>DAMCON</t>
  </si>
  <si>
    <t>CATDAM;COLOUR;COLPAT;CONDTN;CONRAD;CONVIS;DATEND;DATSTA;HEIGHT;NATCON;NOBJNM;OBJNAM;VERACC;VERDAT;VERLEN;</t>
  </si>
  <si>
    <t>Daymark</t>
  </si>
  <si>
    <t>DAYMAR</t>
  </si>
  <si>
    <t>CATSPM;COLOUR;COLPAT;DATEND;DATSTA;ELEVAT;HEIGHT;NATCON;NOBJNM;OBJNAM;PEREND;PERSTA;STATUS;TOPSHP;VERACC;VERDAT;VERLEN;</t>
  </si>
  <si>
    <t>Deep water route centerline</t>
  </si>
  <si>
    <t>DWRTCL</t>
  </si>
  <si>
    <t>CATTRK;DATEND;DATSTA;DRVAL1;DRVAL2;NOBJNM;OBJNAM;ORIENT;QUASOU;SOUACC;STATUS;TECSOU;TRAFIC;VERDAT;</t>
  </si>
  <si>
    <t>Deep water route part</t>
  </si>
  <si>
    <t>DWRTPT</t>
  </si>
  <si>
    <t>DATEND;DATSTA;DRVAL1;DRVAL2;NOBJNM;OBJNAM;ORIENT;QUASOU;SOUACC;STATUS;TECSOU;TRAFIC;VERDAT;RESTRN;</t>
  </si>
  <si>
    <t>Depth area</t>
  </si>
  <si>
    <t>DEPARE</t>
  </si>
  <si>
    <t>DRVAL1;DRVAL2;QUASOU;SOUACC;VERDAT;</t>
  </si>
  <si>
    <t>Depth contour</t>
  </si>
  <si>
    <t>DEPCNT</t>
  </si>
  <si>
    <t>VALDCO;VERDAT;</t>
  </si>
  <si>
    <t>Distance mark</t>
  </si>
  <si>
    <t>DISMAR</t>
  </si>
  <si>
    <t>CATDIS;DATEND;DATSTA;NOBJNM;OBJNAM;</t>
  </si>
  <si>
    <t>Dock area</t>
  </si>
  <si>
    <t>DOCARE</t>
  </si>
  <si>
    <t>CATDOC;CONDTN;DATEND;DATSTA;HORACC;HORCLR;NOBJNM;OBJNAM;STATUS;</t>
  </si>
  <si>
    <t>Dredged area</t>
  </si>
  <si>
    <t>DRGARE</t>
  </si>
  <si>
    <t>DRVAL1;DRVAL2;NOBJNM;OBJNAM;QUASOU;RESTRN;SOUACC;TECSOU;VERDAT;</t>
  </si>
  <si>
    <t>Dry dock</t>
  </si>
  <si>
    <t>DRYDOC</t>
  </si>
  <si>
    <t>CONDTN;HORACC;HORCLR;HORLEN;HORWID;NOBJNM;OBJNAM;STATUS;DRVAL1;QUASOU;SOUACC;VERDAT;</t>
  </si>
  <si>
    <t>Dumping ground</t>
  </si>
  <si>
    <t>DMPGRD</t>
  </si>
  <si>
    <t>CATDPG;NOBJNM;OBJNAM;RESTRN;STATUS;</t>
  </si>
  <si>
    <t>Dyke</t>
  </si>
  <si>
    <t>DYKCON</t>
  </si>
  <si>
    <t>CONDTN;CONRAD;DATEND;DATSTA;HEIGHT;NATCON;VERACC;VERDAT;VERLEN;</t>
  </si>
  <si>
    <t>Exclusive Economic Zone</t>
  </si>
  <si>
    <t>EXEZNE</t>
  </si>
  <si>
    <t>Fairway</t>
  </si>
  <si>
    <t>FAIRWY</t>
  </si>
  <si>
    <t>DATEND;DATSTA;DRVAL1;NOBJNM;OBJNAM;ORIENT;QUASOU;RESTRN;SOUACC;STATUS;TRAFIC;VERDAT;</t>
  </si>
  <si>
    <t>Fence/wall</t>
  </si>
  <si>
    <t>FNCLNE</t>
  </si>
  <si>
    <t>CATFNC;COLOUR;COLPAT;CONDTN;CONRAD;CONVIS;ELEVAT;HEIGHT;NATCON;NOBJNM;OBJNAM;STATUS;VERACC;VERDAT;VERLEN;</t>
  </si>
  <si>
    <t>Ferry route</t>
  </si>
  <si>
    <t>FERYRT</t>
  </si>
  <si>
    <t>CATFRY;DATEND;DATSTA;NOBJNM;OBJNAM;PEREND;PERSTA;STATUS;</t>
  </si>
  <si>
    <t>Fishery zone</t>
  </si>
  <si>
    <t>FSHZNE</t>
  </si>
  <si>
    <t>NATION;NOBJNM;OBJNAM;STATUS;</t>
  </si>
  <si>
    <t>Fishing facility</t>
  </si>
  <si>
    <t>FSHFAC</t>
  </si>
  <si>
    <t>CATFIF;NOBJNM;OBJNAM;PEREND;PERSTA;STATUS;VERACC;VERLEN;</t>
  </si>
  <si>
    <t>Fishing ground</t>
  </si>
  <si>
    <t>FSHGRD</t>
  </si>
  <si>
    <t>NOBJNM;OBJNAM;PEREND;PERSTA;STATUS;</t>
  </si>
  <si>
    <t>Floating dock</t>
  </si>
  <si>
    <t>FLODOC</t>
  </si>
  <si>
    <t>COLOUR;COLPAT;CONDTN;CONRAD;CONVIS;DATEND;DATSTA;DRVAL1;HORACC;HORCLR;HORLEN;HORWID;LIFCAP;NOBJNM;OBJNAM;STATUS;VERACC;VERLEN;VERDAT;</t>
  </si>
  <si>
    <t>Fog signal</t>
  </si>
  <si>
    <t>FOGSIG</t>
  </si>
  <si>
    <t>CATFOG;DATEND;DATSTA;NOBJNM;OBJNAM;SIGFRQ;SIGGEN;SIGGRP;SIGPER;SIGSEQ;STATUS;VALMXR;</t>
  </si>
  <si>
    <t>Fortified structure</t>
  </si>
  <si>
    <t>FORSTC</t>
  </si>
  <si>
    <t>CATFOR;CONDTN;CONRAD;CONVIS;HEIGHT;NATCON;NOBJNM;OBJNAM;VERACC;VERDAT;VERLEN;</t>
  </si>
  <si>
    <t>Free port area</t>
  </si>
  <si>
    <t>FRPARE</t>
  </si>
  <si>
    <t>NOBJNM;OBJNAM;STATUS;</t>
  </si>
  <si>
    <t>Gate</t>
  </si>
  <si>
    <t>GATCON</t>
  </si>
  <si>
    <t>CATGAT;CONDTN;DRVAL1;HORACC;HORCLR;NATCON;NOBJNM;OBJNAM;QUASOU;SOUACC;STATUS;VERACC;VERCLR;VERDAT;</t>
  </si>
  <si>
    <t>Gridiron</t>
  </si>
  <si>
    <t>GRIDRN</t>
  </si>
  <si>
    <t>HORACC;HORLEN;HORWID;NATCON;NOBJNM;OBJNAM;STATUS;VERACC;VERLEN;WATLEV;</t>
  </si>
  <si>
    <t>Harbour area (administrative)</t>
  </si>
  <si>
    <t>HRBARE</t>
  </si>
  <si>
    <t>Harbour facility</t>
  </si>
  <si>
    <t>HRBFAC</t>
  </si>
  <si>
    <t>CATHAF;CONDTN;DATEND;DATSTA;NATCON;NOBJNM;OBJNAM;PEREND;PERSTA;STATUS;</t>
  </si>
  <si>
    <t>Hulk</t>
  </si>
  <si>
    <t>HULKES</t>
  </si>
  <si>
    <t>CATHLK;COLOUR;COLPAT;CONRAD;CONVIS;HORACC;HORLEN;HORWID;NOBJNM;OBJNAM;VERACC;VERLEN;CONDTN;</t>
  </si>
  <si>
    <t>Ice area</t>
  </si>
  <si>
    <t>ICEARE</t>
  </si>
  <si>
    <t>CATICE;CONVIS;ELEVAT;HEIGHT;NOBJNM;OBJNAM;PEREND;PERSTA;STATUS;VERACC;VERDAT;VERLEN;</t>
  </si>
  <si>
    <t>Incineration area</t>
  </si>
  <si>
    <t>ICNARE</t>
  </si>
  <si>
    <t>NOBJNM;OBJNAM;PEREND;PERSTA;RESTRN;STATUS;</t>
  </si>
  <si>
    <t>Inshore traffic zone</t>
  </si>
  <si>
    <t>ISTZNE</t>
  </si>
  <si>
    <t>CATTSS;DATEND;DATSTA;RESTRN;STATUS;</t>
  </si>
  <si>
    <t>Lake</t>
  </si>
  <si>
    <t>LAKARE</t>
  </si>
  <si>
    <t>ELEVAT;NOBJNM;OBJNAM;VERACC;VERDAT;</t>
  </si>
  <si>
    <t>Lake shore</t>
  </si>
  <si>
    <t>LAKSHR</t>
  </si>
  <si>
    <t>NOBJNM;OBJNAM;</t>
  </si>
  <si>
    <t>Land area</t>
  </si>
  <si>
    <t>LNDARE</t>
  </si>
  <si>
    <t>CONDTN;NOBJNM;OBJNAM;STATUS;</t>
  </si>
  <si>
    <t>Land elevation</t>
  </si>
  <si>
    <t>LNDELV</t>
  </si>
  <si>
    <t>CONVIS;ELEVAT;NOBJNM;OBJNAM;VERACC;VERDAT;</t>
  </si>
  <si>
    <t>Point;Line;</t>
  </si>
  <si>
    <t>Land region</t>
  </si>
  <si>
    <t>LNDRGN</t>
  </si>
  <si>
    <t>CATLND;NATQUA;NATSUR;NOBJNM;OBJNAM;WATLEV;</t>
  </si>
  <si>
    <t>Landmark</t>
  </si>
  <si>
    <t>LNDMRK</t>
  </si>
  <si>
    <t>CATLMK;COLOUR;COLPAT;CONDTN;CONRAD;CONVIS;ELEVAT;FUNCTN;HEIGHT;NATCON;NOBJNM;OBJNAM;STATUS;VERACC;VERDAT;VERLEN;</t>
  </si>
  <si>
    <t>Light</t>
  </si>
  <si>
    <t>LIGHTS</t>
  </si>
  <si>
    <t>CATLIT;COLOUR;DATEND;DATSTA;EXCLIT;HEIGHT;LITCHR;LITVIS;MARSYS;MLTYLT;NOBJNM;OBJNAM;ORIENT;PEREND;PERSTA;SECTR1;SECTR2;SIGGRP;SIGPER;SIGSEQ;STATUS;VERACC;VALNMR;VERDAT;</t>
  </si>
  <si>
    <t>Light float</t>
  </si>
  <si>
    <t>LITFLT</t>
  </si>
  <si>
    <t>COLOUR;COLPAT;CONRAD;CONVIS;DATEND;DATSTA;HORACC;HORLEN;HORWID;MARSYS;NATCON;NOBJNM;OBJNAM;PEREND;PERSTA;STATUS;VERACC;VERLEN;</t>
  </si>
  <si>
    <t>Light vessel</t>
  </si>
  <si>
    <t>LITVES</t>
  </si>
  <si>
    <t>COLOUR;COLPAT;CONRAD;CONVIS;DATEND;DATSTA;HORACC;HORLEN;HORWID;NATCON;NOBJNM;OBJNAM;PEREND;PERSTA;STATUS;VERACC;VERLEN;</t>
  </si>
  <si>
    <t>Local magnetic anomaly</t>
  </si>
  <si>
    <t>LOCMAG</t>
  </si>
  <si>
    <t>NOBJNM;OBJNAM;VALLMA;</t>
  </si>
  <si>
    <t>Lock basin</t>
  </si>
  <si>
    <t>LOKBSN</t>
  </si>
  <si>
    <t>DATEND;DATSTA;HORACC;HORCLR;HORLEN;HORWID;NOBJNM;OBJNAM;STATUS;</t>
  </si>
  <si>
    <t>Log pond</t>
  </si>
  <si>
    <t>LOGPON</t>
  </si>
  <si>
    <t>Magnetic variation</t>
  </si>
  <si>
    <t>MAGVAR</t>
  </si>
  <si>
    <t>DATEND;DATSTA;RYRMGV;VALACM;VALMAG;</t>
  </si>
  <si>
    <t>Marine farm/culture</t>
  </si>
  <si>
    <t>MARCUL</t>
  </si>
  <si>
    <t>CATMFA;DATEND;DATSTA;EXPSOU;NOBJNM;OBJNAM;PEREND;PERSTA;QUASOU;RESTRN;SOUACC;STATUS;VALSOU;VERACC;VERDAT;VERLEN;WATLEV;</t>
  </si>
  <si>
    <t>Military practice area</t>
  </si>
  <si>
    <t>MIPARE</t>
  </si>
  <si>
    <t>CATMPA;DATEND;DATSTA;NOBJNM;OBJNAM;PEREND;PERSTA;RESTRN;STATUS;</t>
  </si>
  <si>
    <t>Mooring/warping facility</t>
  </si>
  <si>
    <t>MORFAC</t>
  </si>
  <si>
    <t>BOYSHP;CATMOR;COLOUR;COLPAT;CONDTN;CONRAD;CONVIS;DATEND;DATSTA;HEIGHT;NATCON;NOBJNM;OBJNAM;PEREND;PERSTA;STATUS;VERACC;VERDAT;VERLEN;WATLEV;</t>
  </si>
  <si>
    <t>Navigation line</t>
  </si>
  <si>
    <t>NAVLNE</t>
  </si>
  <si>
    <t>CATNAV;DATEND;DATSTA;ORIENT;PEREND;PERSTA;STATUS;</t>
  </si>
  <si>
    <t>Obstruction</t>
  </si>
  <si>
    <t>OBSTRN</t>
  </si>
  <si>
    <t>CATOBS;CONDTN;EXPSOU;HEIGHT;NATCON;NATQUA;NOBJNM;OBJNAM;PRODCT;QUASOU;SOUACC;STATUS;TECSOU;VALSOU;VERACC;VERDAT;VERLEN;WATLEV;NATSUR;</t>
  </si>
  <si>
    <t>Offshore platform</t>
  </si>
  <si>
    <t>OFSPLF</t>
  </si>
  <si>
    <t>CATOFP;COLOUR;COLPAT;CONDTN;CONRAD;CONVIS;DATEND;DATSTA;HEIGHT;NATCON;NOBJNM;OBJNAM;PRODCT;STATUS;VERACC;VERDAT;VERLEN;</t>
  </si>
  <si>
    <t>Offshore production area</t>
  </si>
  <si>
    <t>OSPARE</t>
  </si>
  <si>
    <t>CATPRA;CONDTN;CONRAD;CONVIS;DATEND;DATSTA;HEIGHT;NOBJNM;OBJNAM;PRODCT;RESTRN;STATUS;VERACC;VERLEN;</t>
  </si>
  <si>
    <t>Oil barrier</t>
  </si>
  <si>
    <t>OILBAR</t>
  </si>
  <si>
    <t>CATOLB;CONDTN;DATEND;DATSTA;NOBJNM;OBJNAM;STATUS;</t>
  </si>
  <si>
    <t>Pile</t>
  </si>
  <si>
    <t>PILPNT</t>
  </si>
  <si>
    <t>CATPLE;COLOUR;COLPAT;CONDTN;CONVIS;DATEND;DATSTA;HEIGHT;NOBJNM;OBJNAM;VERACC;VERDAT;VERLEN;</t>
  </si>
  <si>
    <t>Pilot boarding place</t>
  </si>
  <si>
    <t>PILBOP</t>
  </si>
  <si>
    <t>CATPIL;COMCHA;DATEND;DATSTA;NOBJNM;NPLDST;OBJNAM;PEREND;PERSTA;PILDST;STATUS;</t>
  </si>
  <si>
    <t>Pipeline area</t>
  </si>
  <si>
    <t>PIPARE</t>
  </si>
  <si>
    <t>CONDTN;DATEND;DATSTA;NOBJNM;OBJNAM;PRODCT;RESTRN;STATUS;CATPIP;</t>
  </si>
  <si>
    <t>Pipeline, overhead</t>
  </si>
  <si>
    <t>PIPOHD</t>
  </si>
  <si>
    <t>CATPIP;CONDTN;CONRAD;CONVIS;DATEND;DATSTA;NOBJNM;OBJNAM;PRODCT;STATUS;VERACC;VERCLR;VERDAT;</t>
  </si>
  <si>
    <t>Pipeline, submarine/on land</t>
  </si>
  <si>
    <t>PIPSOL</t>
  </si>
  <si>
    <t>BURDEP;CATPIP;CONDTN;DATEND;DATSTA;DRVAL1;DRVAL2;NOBJNM;OBJNAM;PRODCT;STATUS;VERACC;VERLEN;VERDAT;</t>
  </si>
  <si>
    <t>Pontoon</t>
  </si>
  <si>
    <t>PONTON</t>
  </si>
  <si>
    <t>CONDTN;CONRAD;CONVIS;DATEND;DATSTA;NATCON;NOBJNM;OBJNAM;PEREND;PERSTA;STATUS;VERACC;VERLEN;</t>
  </si>
  <si>
    <t>Precautionary area</t>
  </si>
  <si>
    <t>PRCARE</t>
  </si>
  <si>
    <t>DATEND;DATSTA;RESTRN;STATUS;</t>
  </si>
  <si>
    <t>Production / storage area</t>
  </si>
  <si>
    <t>PRDARE</t>
  </si>
  <si>
    <t>CATPRA;CONDTN;CONRAD;CONVIS;DATEND;DATSTA;ELEVAT;HEIGHT;NOBJNM;OBJNAM;PRODCT;STATUS;VERACC;VERDAT;VERLEN;</t>
  </si>
  <si>
    <t>Pylon/bridge support</t>
  </si>
  <si>
    <t>PYLONS</t>
  </si>
  <si>
    <t>CATPYL;COLOUR;COLPAT;CONDTN;CONRAD;CONVIS;DATEND;DATSTA;HEIGHT;NATCON;NOBJNM;OBJNAM;VERACC;VERDAT;VERLEN;WATLEV;</t>
  </si>
  <si>
    <t>Radar line</t>
  </si>
  <si>
    <t>RADLNE</t>
  </si>
  <si>
    <t>NOBJNM;OBJNAM;ORIENT;STATUS;</t>
  </si>
  <si>
    <t>Radar range</t>
  </si>
  <si>
    <t>RADRNG</t>
  </si>
  <si>
    <t>COMCHA;DATEND;DATSTA;NOBJNM;OBJNAM;STATUS;</t>
  </si>
  <si>
    <t>Radar reflector</t>
  </si>
  <si>
    <t>RADRFL</t>
  </si>
  <si>
    <t>HEIGHT;STATUS;VERACC;VERDAT;</t>
  </si>
  <si>
    <t>Radar station</t>
  </si>
  <si>
    <t>RADSTA</t>
  </si>
  <si>
    <t>CATRAS;DATEND;DATSTA;HEIGHT;NOBJNM;OBJNAM;STATUS;VERACC;VALMXR;VERDAT;</t>
  </si>
  <si>
    <t>Radar transponder beacon</t>
  </si>
  <si>
    <t>RTPBCN</t>
  </si>
  <si>
    <t>CATRTB;DATEND;DATSTA;NOBJNM;OBJNAM;RADWAL;SECTR1;SECTR2;SIGGRP;SIGSEQ;STATUS;VALMXR;</t>
  </si>
  <si>
    <t>Radio calling-in point</t>
  </si>
  <si>
    <t>RDOCAL</t>
  </si>
  <si>
    <t>COMCHA;DATEND;DATSTA;NOBJNM;OBJNAM;ORIENT;PEREND;PERSTA;STATUS;TRAFIC;</t>
  </si>
  <si>
    <t>Radio station</t>
  </si>
  <si>
    <t>RDOSTA</t>
  </si>
  <si>
    <t>CALSGN;CATROS;COMCHA;DATEND;DATSTA;ESTRNG;NOBJNM;OBJNAM;ORIENT;PEREND;PERSTA;SIGFRQ;STATUS;</t>
  </si>
  <si>
    <t>Railway</t>
  </si>
  <si>
    <t>RAILWY</t>
  </si>
  <si>
    <t>CONDTN;HEIGHT;NOBJNM;OBJNAM;STATUS;VERACC;</t>
  </si>
  <si>
    <t>Rapids</t>
  </si>
  <si>
    <t>RAPIDS</t>
  </si>
  <si>
    <t>NOBJNM;OBJNAM;VERACC;VERLEN;</t>
  </si>
  <si>
    <t>Recommended route centerline</t>
  </si>
  <si>
    <t>RCRTCL</t>
  </si>
  <si>
    <t>CATTRK;DATEND;DATSTA;DRVAL1;DRVAL2;NOBJNM;OBJNAM;ORIENT;PEREND;PERSTA;QUASOU;SOUACC;STATUS;TECSOU;TRAFIC;VERDAT;</t>
  </si>
  <si>
    <t>Recommended track</t>
  </si>
  <si>
    <t>RECTRC</t>
  </si>
  <si>
    <t>Recommended Traffic Lane Part</t>
  </si>
  <si>
    <t>RCTLPT</t>
  </si>
  <si>
    <t>DATEND;DATSTA;ORIENT;STATUS;</t>
  </si>
  <si>
    <t>Rescue station</t>
  </si>
  <si>
    <t>RSCSTA</t>
  </si>
  <si>
    <t>CATRSC;DATEND;DATSTA;NOBJNM;OBJNAM;PEREND;PERSTA;STATUS;</t>
  </si>
  <si>
    <t>Restricted area</t>
  </si>
  <si>
    <t>RESARE</t>
  </si>
  <si>
    <t>CATREA;DATEND;DATSTA;NOBJNM;OBJNAM;PEREND;PERSTA;RESTRN;STATUS;</t>
  </si>
  <si>
    <t>Retro-reflector</t>
  </si>
  <si>
    <t>RETRFL</t>
  </si>
  <si>
    <t>COLOUR;COLPAT;HEIGHT;MARSYS;STATUS;VERACC;VERDAT;</t>
  </si>
  <si>
    <t>River</t>
  </si>
  <si>
    <t>RIVERS</t>
  </si>
  <si>
    <t>River bank</t>
  </si>
  <si>
    <t>RIVBNK</t>
  </si>
  <si>
    <t>Road</t>
  </si>
  <si>
    <t>ROADWY</t>
  </si>
  <si>
    <t>CATROD;CONDTN;NATCON;NOBJNM;OBJNAM;STATUS;</t>
  </si>
  <si>
    <t>Runway</t>
  </si>
  <si>
    <t>RUNWAY</t>
  </si>
  <si>
    <t>CATRUN;CONDTN;CONVIS;NATCON;NOBJNM;OBJNAM;PEREND;PERSTA;STATUS;</t>
  </si>
  <si>
    <t>Sand waves</t>
  </si>
  <si>
    <t>SNDWAV</t>
  </si>
  <si>
    <t>VERACC;VERLEN;</t>
  </si>
  <si>
    <t>Sea area / named water area</t>
  </si>
  <si>
    <t>SEAARE</t>
  </si>
  <si>
    <t>CATSEA;NOBJNM;OBJNAM;</t>
  </si>
  <si>
    <t>Sea-plane landing area</t>
  </si>
  <si>
    <t>SPLARE</t>
  </si>
  <si>
    <t>INFORM;NINFOM;NTXTDS;SCAMAX;SCAMIN;TXTDSC;VALDCO;</t>
  </si>
  <si>
    <t>Seabed area</t>
  </si>
  <si>
    <t>SBDARE</t>
  </si>
  <si>
    <t>Shoreline Construction</t>
  </si>
  <si>
    <t>SLCONS</t>
  </si>
  <si>
    <t>CATSLC;COLOUR;COLPAT;CONDTN;CONRAD;CONVIS;DATEND;DATSTA;HEIGHT;HORACC;HORCLR;HORLEN;HORWID;NATCON;NOBJNM;OBJNAM;STATUS;VERACC;VERDAT;VERLEN;WATLEV;</t>
  </si>
  <si>
    <t>Signal station, traffic</t>
  </si>
  <si>
    <t>SISTAT</t>
  </si>
  <si>
    <t>CATSIT;COMCHA;DATEND;DATSTA;NOBJNM;OBJNAM;PEREND;PERSTA;STATUS;</t>
  </si>
  <si>
    <t>Signal station, warning</t>
  </si>
  <si>
    <t>SISTAW</t>
  </si>
  <si>
    <t>CATSIW;COMCHA;DATEND;DATSTA;NOBJNM;OBJNAM;PEREND;PERSTA;STATUS;</t>
  </si>
  <si>
    <t>Silo / tank</t>
  </si>
  <si>
    <t>SILTNK</t>
  </si>
  <si>
    <t>BUISHP;CATSIL;COLOUR;COLPAT;CONDTN;CONRAD;CONVIS;ELEVAT;HEIGHT;NATCON;NOBJNM;OBJNAM;PRODCT;STATUS;VERACC;VERDAT;VERLEN;</t>
  </si>
  <si>
    <t>Slope topline</t>
  </si>
  <si>
    <t>SLOTOP</t>
  </si>
  <si>
    <t>CATSLO;COLOUR;CONRAD;CONVIS;ELEVAT;NATCON;NATQUA;NATSUR;NOBJNM;OBJNAM;VERACC;VERDAT;</t>
  </si>
  <si>
    <t>Sloping ground</t>
  </si>
  <si>
    <t>SLOGRD</t>
  </si>
  <si>
    <t>CATSLO;COLOUR;CONRAD;CONVIS;NATCON;NATQUA;NATSUR;NOBJNM;OBJNAM;</t>
  </si>
  <si>
    <t>Small craft facility</t>
  </si>
  <si>
    <t>SMCFAC</t>
  </si>
  <si>
    <t>CATSCF;NOBJNM;OBJNAM;PEREND;PERSTA;STATUS;</t>
  </si>
  <si>
    <t>Sounding</t>
  </si>
  <si>
    <t>SOUNDG</t>
  </si>
  <si>
    <t>EXPSOU;NOBJNM;OBJNAM;QUASOU;SOUACC;TECSOU;VERDAT;STATUS;</t>
  </si>
  <si>
    <t>Spring</t>
  </si>
  <si>
    <t>SPRING</t>
  </si>
  <si>
    <t>Square</t>
  </si>
  <si>
    <t>SQUARE</t>
  </si>
  <si>
    <t>CONDTN;NATCON;NOBJNM;OBJNAM;STATUS;</t>
  </si>
  <si>
    <t>Straight territorial sea baseline</t>
  </si>
  <si>
    <t>STSLNE</t>
  </si>
  <si>
    <t>Submarine transit lane</t>
  </si>
  <si>
    <t>SUBTLN</t>
  </si>
  <si>
    <t>NOBJNM;OBJNAM;RESTRN;</t>
  </si>
  <si>
    <t>Swept Area</t>
  </si>
  <si>
    <t>SWPARE</t>
  </si>
  <si>
    <t>DRVAL1;QUASOU;SOUACC;TECSOU;VERDAT;</t>
  </si>
  <si>
    <t>Territorial sea area</t>
  </si>
  <si>
    <t>TESARE</t>
  </si>
  <si>
    <t>NATION;RESTRN;</t>
  </si>
  <si>
    <t>Tidal stream - harmonic prediction</t>
  </si>
  <si>
    <t>TS_PRH</t>
  </si>
  <si>
    <t>NOBJNM;OBJNAM;T_MTOD;T_VAHC;STATUS;</t>
  </si>
  <si>
    <t>Tidal stream - non-harmonic prediction</t>
  </si>
  <si>
    <t>TS_PNH</t>
  </si>
  <si>
    <t>NOBJNM;OBJNAM;T_MTOD;T_THDF;STATUS;</t>
  </si>
  <si>
    <t>Tidal stream panel data</t>
  </si>
  <si>
    <t>TS_PAD</t>
  </si>
  <si>
    <t>NOBJNM;OBJNAM;TS_TSP;</t>
  </si>
  <si>
    <t>Tidal stream - time series</t>
  </si>
  <si>
    <t>TS_TIS</t>
  </si>
  <si>
    <t>NOBJNM;OBJNAM;STATUS;TIMEND;TIMSTA;T_TINT;TS_TSV;</t>
  </si>
  <si>
    <t>Tide - harmonic prediction</t>
  </si>
  <si>
    <t>T_HMON</t>
  </si>
  <si>
    <t>NOBJNM;OBJNAM;T_ACWL;T_MTOD;T_VAHC;STATUS;</t>
  </si>
  <si>
    <t>Tide - non-harmonic prediction</t>
  </si>
  <si>
    <t>T_NHMN</t>
  </si>
  <si>
    <t>NOBJNM;OBJNAM;T_ACWL;T_MTOD;T_THDF;STATUS;</t>
  </si>
  <si>
    <t>T_TIMS</t>
  </si>
  <si>
    <t>NOBJNM;OBJNAM;T_HWLW;T_TINT;T_TSVL;TIMEND;TIMSTA;STATUS;T_ACWL;</t>
  </si>
  <si>
    <t>Tideway</t>
  </si>
  <si>
    <t>TIDEWY</t>
  </si>
  <si>
    <t>Top mark</t>
  </si>
  <si>
    <t>TOPMAR</t>
  </si>
  <si>
    <t>COLOUR;COLPAT;DATEND;DATSTA;HEIGHT;MARSYS;STATUS;TOPSHP;VERACC;VERDAT;VERLEN;</t>
  </si>
  <si>
    <t>Traffic Separation Line</t>
  </si>
  <si>
    <t>TSELNE</t>
  </si>
  <si>
    <t>CATTSS;DATEND;DATSTA;STATUS;</t>
  </si>
  <si>
    <t>Traffic Separation Scheme  Boundary</t>
  </si>
  <si>
    <t>TSSBND</t>
  </si>
  <si>
    <t>Traffic Separation Scheme Crossing</t>
  </si>
  <si>
    <t>TSSCRS</t>
  </si>
  <si>
    <t>Traffic Separation Scheme  Lane part</t>
  </si>
  <si>
    <t>TSSLPT</t>
  </si>
  <si>
    <t>CATTSS;DATEND;DATSTA;ORIENT;RESTRN;STATUS;</t>
  </si>
  <si>
    <t>Traffic Separation Scheme  Roundabout</t>
  </si>
  <si>
    <t>TSSRON</t>
  </si>
  <si>
    <t>Traffic Separation Zone</t>
  </si>
  <si>
    <t>TSEZNE</t>
  </si>
  <si>
    <t>Tunnel</t>
  </si>
  <si>
    <t>TUNNEL</t>
  </si>
  <si>
    <t>BURDEP;CONDTN;HORACC;HORCLR;NOBJNM;OBJNAM;STATUS;VERACC;VERCLR;</t>
  </si>
  <si>
    <t>Two-way route  part</t>
  </si>
  <si>
    <t>TWRTPT</t>
  </si>
  <si>
    <t>CATTRK;DATEND;DATSTA;DRVAL1;DRVAL2;ORIENT;QUASOU;SOUACC;STATUS;TECSOU;TRAFIC;VERDAT;</t>
  </si>
  <si>
    <t>Underwater rock / awash rock</t>
  </si>
  <si>
    <t>UWTROC</t>
  </si>
  <si>
    <t>EXPSOU;NATSUR;NATQUA;NOBJNM;OBJNAM;QUASOU;SOUACC;STATUS;TECSOU;VALSOU;VERDAT;WATLEV;</t>
  </si>
  <si>
    <t>Unsurveyed area</t>
  </si>
  <si>
    <t>UNSARE</t>
  </si>
  <si>
    <t>Vegetation</t>
  </si>
  <si>
    <t>VEGATN</t>
  </si>
  <si>
    <t>CATVEG;CONVIS;ELEVAT;HEIGHT;NOBJNM;OBJNAM;VERACC;VERDAT;VERLEN;</t>
  </si>
  <si>
    <t>Water turbulence</t>
  </si>
  <si>
    <t>WATTUR</t>
  </si>
  <si>
    <t>CATWAT;NOBJNM;OBJNAM;</t>
  </si>
  <si>
    <t>Waterfall</t>
  </si>
  <si>
    <t>WATFAL</t>
  </si>
  <si>
    <t>CONVIS;NOBJNM;OBJNAM;VERACC;VERLEN;</t>
  </si>
  <si>
    <t>Weed/Kelp</t>
  </si>
  <si>
    <t>WEDKLP</t>
  </si>
  <si>
    <t>CATWED;NOBJNM;OBJNAM;</t>
  </si>
  <si>
    <t>Wreck</t>
  </si>
  <si>
    <t>WRECKS</t>
  </si>
  <si>
    <t>CATWRK;CONRAD;CONVIS;EXPSOU;HEIGHT;NOBJNM;OBJNAM;QUASOU;SOUACC;STATUS;TECSOU;VALSOU;VERACC;VERDAT;VERLEN;WATLEV;</t>
  </si>
  <si>
    <t>Tidal stream - flood/ebb</t>
  </si>
  <si>
    <t>TS_FEB</t>
  </si>
  <si>
    <t>CAT_TS;CURVEL;DATEND;DATSTA;NOBJNM;OBJNAM;ORIENT;PEREND;PERSTA;</t>
  </si>
  <si>
    <t>Accuracy of data</t>
  </si>
  <si>
    <t>M_ACCY</t>
  </si>
  <si>
    <t>HORACC;POSACC;SOUACC;VERACC;</t>
  </si>
  <si>
    <t>INFORM;NINFOM;NTXTDS;TXTDSC;</t>
  </si>
  <si>
    <t>M</t>
  </si>
  <si>
    <t>Compilation scale of data</t>
  </si>
  <si>
    <t>M_CSCL</t>
  </si>
  <si>
    <t>CSCALE;</t>
  </si>
  <si>
    <t>Coverage</t>
  </si>
  <si>
    <t>M_COVR</t>
  </si>
  <si>
    <t>CATCOV;</t>
  </si>
  <si>
    <t>INFORM;NINFOM;</t>
  </si>
  <si>
    <t>Horizontal datum of data</t>
  </si>
  <si>
    <t>M_HDAT</t>
  </si>
  <si>
    <t>HORDAT;</t>
  </si>
  <si>
    <t>Horizontal datum shift parameters</t>
  </si>
  <si>
    <t>M_HOPA</t>
  </si>
  <si>
    <t>HORDAT;SHIPAM;</t>
  </si>
  <si>
    <t>Nautical publication information</t>
  </si>
  <si>
    <t>M_NPUB</t>
  </si>
  <si>
    <t>INFORM;NINFOM;NTXTDS;PICREP;PUBREF;TXTDSC;</t>
  </si>
  <si>
    <t>Navigational system of marks</t>
  </si>
  <si>
    <t>M_NSYS</t>
  </si>
  <si>
    <t>MARSYS;ORIENT;</t>
  </si>
  <si>
    <t>Production information</t>
  </si>
  <si>
    <t>M_PROD</t>
  </si>
  <si>
    <t>AGENCY;CPDATE;NATION;NMDATE;PRCTRY;</t>
  </si>
  <si>
    <t>Quality of data</t>
  </si>
  <si>
    <t>M_QUAL</t>
  </si>
  <si>
    <t>CATQUA;CATZOC;DRVAL1;DRVAL2;POSACC;SOUACC;SUREND;SURSTA;TECSOU;VERDAT;</t>
  </si>
  <si>
    <t>Sounding datum</t>
  </si>
  <si>
    <t>M_SDAT</t>
  </si>
  <si>
    <t>VERDAT;</t>
  </si>
  <si>
    <t>Survey reliability</t>
  </si>
  <si>
    <t>M_SREL</t>
  </si>
  <si>
    <t>QUAPOS;QUASOU;SCVAL1;SCVAL2;SDISMN;SDISMX;SURATH;SUREND;SURSTA;SURTYP;TECSOU;</t>
  </si>
  <si>
    <t>Units of measurement of data</t>
  </si>
  <si>
    <t>M_UNIT</t>
  </si>
  <si>
    <t>DUNITS;HUNITS;PUNITS;</t>
  </si>
  <si>
    <t>Vertical datum of data</t>
  </si>
  <si>
    <t>M_VDAT</t>
  </si>
  <si>
    <t>Aggregation</t>
  </si>
  <si>
    <t>C_AGGR</t>
  </si>
  <si>
    <t>C</t>
  </si>
  <si>
    <t>Association</t>
  </si>
  <si>
    <t>C_ASSO</t>
  </si>
  <si>
    <t>Stacked on/stacked under</t>
  </si>
  <si>
    <t>C_STAC</t>
  </si>
  <si>
    <t>Cartographic area</t>
  </si>
  <si>
    <t>$AREAS</t>
  </si>
  <si>
    <t>COLOUR;ORIENT;$SCODE;$TINTS;</t>
  </si>
  <si>
    <t>$</t>
  </si>
  <si>
    <t>Cartographic line</t>
  </si>
  <si>
    <t>$LINES</t>
  </si>
  <si>
    <t>$SCODE;</t>
  </si>
  <si>
    <t>Cartographic symbol</t>
  </si>
  <si>
    <t>$CSYMB</t>
  </si>
  <si>
    <t>ORIENT;$SCALE;$SCODE;</t>
  </si>
  <si>
    <t>Compass</t>
  </si>
  <si>
    <t>$COMPS</t>
  </si>
  <si>
    <t>$CSIZE;RYRMGV;VALACM;VALMAG;</t>
  </si>
  <si>
    <t>Text</t>
  </si>
  <si>
    <t>$TEXTS</t>
  </si>
  <si>
    <t>$CHARS;COLOUR;$JUSTH;$JUSTV;$NTXST;$SPACE;$TXSTR;</t>
  </si>
  <si>
    <t>COLOUR;NATQUA;NATSUR;WATLEV;OBJNAM;NOBJNM;recomd;hsdrec;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00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2">
    <xf numFmtId="0" fontId="0" fillId="0" borderId="0" xfId="0"/>
    <xf numFmtId="0" fontId="0" fillId="33" borderId="0" xfId="0" applyFill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82"/>
  <sheetViews>
    <sheetView tabSelected="1" workbookViewId="0">
      <pane ySplit="1" topLeftCell="A98" activePane="bottomLeft" state="frozen"/>
      <selection pane="bottomLeft" activeCell="C109" sqref="C109"/>
    </sheetView>
  </sheetViews>
  <sheetFormatPr defaultRowHeight="15" x14ac:dyDescent="0.25"/>
  <cols>
    <col min="2" max="2" width="35" customWidth="1"/>
    <col min="3" max="3" width="9.28515625" bestFit="1" customWidth="1"/>
    <col min="4" max="4" width="28.140625" customWidth="1"/>
    <col min="5" max="5" width="34.85546875" customWidth="1"/>
    <col min="6" max="6" width="29.5703125" customWidth="1"/>
    <col min="8" max="8" width="15.42578125" bestFit="1" customWidth="1"/>
  </cols>
  <sheetData>
    <row r="1" spans="1:8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  <c r="H1" t="s">
        <v>7</v>
      </c>
    </row>
    <row r="2" spans="1:8" x14ac:dyDescent="0.25">
      <c r="A2">
        <v>1</v>
      </c>
      <c r="B2" t="s">
        <v>8</v>
      </c>
      <c r="C2" t="s">
        <v>9</v>
      </c>
      <c r="D2" t="s">
        <v>10</v>
      </c>
      <c r="E2" t="s">
        <v>11</v>
      </c>
      <c r="F2" t="s">
        <v>12</v>
      </c>
      <c r="G2" t="s">
        <v>13</v>
      </c>
      <c r="H2" t="s">
        <v>14</v>
      </c>
    </row>
    <row r="3" spans="1:8" x14ac:dyDescent="0.25">
      <c r="A3">
        <v>2</v>
      </c>
      <c r="B3" t="s">
        <v>15</v>
      </c>
      <c r="C3" t="s">
        <v>16</v>
      </c>
      <c r="D3" t="s">
        <v>17</v>
      </c>
      <c r="E3" t="s">
        <v>11</v>
      </c>
      <c r="F3" t="s">
        <v>12</v>
      </c>
      <c r="G3" t="s">
        <v>13</v>
      </c>
      <c r="H3" t="s">
        <v>18</v>
      </c>
    </row>
    <row r="4" spans="1:8" x14ac:dyDescent="0.25">
      <c r="A4">
        <v>3</v>
      </c>
      <c r="B4" t="s">
        <v>19</v>
      </c>
      <c r="C4" t="s">
        <v>20</v>
      </c>
      <c r="D4" t="s">
        <v>21</v>
      </c>
      <c r="E4" t="s">
        <v>22</v>
      </c>
      <c r="F4" t="s">
        <v>12</v>
      </c>
      <c r="G4" t="s">
        <v>13</v>
      </c>
      <c r="H4" t="s">
        <v>18</v>
      </c>
    </row>
    <row r="5" spans="1:8" x14ac:dyDescent="0.25">
      <c r="A5">
        <v>4</v>
      </c>
      <c r="B5" t="s">
        <v>23</v>
      </c>
      <c r="C5" t="s">
        <v>24</v>
      </c>
      <c r="D5" t="s">
        <v>25</v>
      </c>
      <c r="E5" t="s">
        <v>22</v>
      </c>
      <c r="F5" t="s">
        <v>12</v>
      </c>
      <c r="G5" t="s">
        <v>13</v>
      </c>
      <c r="H5" t="s">
        <v>18</v>
      </c>
    </row>
    <row r="6" spans="1:8" x14ac:dyDescent="0.25">
      <c r="A6">
        <v>5</v>
      </c>
      <c r="B6" t="s">
        <v>26</v>
      </c>
      <c r="C6" t="s">
        <v>27</v>
      </c>
      <c r="D6" t="s">
        <v>28</v>
      </c>
      <c r="E6" t="s">
        <v>11</v>
      </c>
      <c r="F6" t="s">
        <v>12</v>
      </c>
      <c r="G6" t="s">
        <v>13</v>
      </c>
      <c r="H6" t="s">
        <v>29</v>
      </c>
    </row>
    <row r="7" spans="1:8" x14ac:dyDescent="0.25">
      <c r="A7">
        <v>6</v>
      </c>
      <c r="B7" t="s">
        <v>30</v>
      </c>
      <c r="C7" t="s">
        <v>31</v>
      </c>
      <c r="D7" t="s">
        <v>32</v>
      </c>
      <c r="E7" t="s">
        <v>11</v>
      </c>
      <c r="F7" t="s">
        <v>12</v>
      </c>
      <c r="G7" t="s">
        <v>13</v>
      </c>
      <c r="H7" t="s">
        <v>29</v>
      </c>
    </row>
    <row r="8" spans="1:8" x14ac:dyDescent="0.25">
      <c r="A8">
        <v>7</v>
      </c>
      <c r="B8" t="s">
        <v>33</v>
      </c>
      <c r="C8" t="s">
        <v>34</v>
      </c>
      <c r="D8" t="s">
        <v>35</v>
      </c>
      <c r="E8" t="s">
        <v>11</v>
      </c>
      <c r="F8" t="s">
        <v>12</v>
      </c>
      <c r="G8" t="s">
        <v>13</v>
      </c>
      <c r="H8" t="s">
        <v>29</v>
      </c>
    </row>
    <row r="9" spans="1:8" x14ac:dyDescent="0.25">
      <c r="A9">
        <v>8</v>
      </c>
      <c r="B9" t="s">
        <v>36</v>
      </c>
      <c r="C9" t="s">
        <v>37</v>
      </c>
      <c r="D9" t="s">
        <v>32</v>
      </c>
      <c r="E9" t="s">
        <v>11</v>
      </c>
      <c r="F9" t="s">
        <v>12</v>
      </c>
      <c r="G9" t="s">
        <v>13</v>
      </c>
      <c r="H9" t="s">
        <v>29</v>
      </c>
    </row>
    <row r="10" spans="1:8" x14ac:dyDescent="0.25">
      <c r="A10">
        <v>9</v>
      </c>
      <c r="B10" t="s">
        <v>38</v>
      </c>
      <c r="C10" t="s">
        <v>39</v>
      </c>
      <c r="D10" t="s">
        <v>40</v>
      </c>
      <c r="E10" t="s">
        <v>11</v>
      </c>
      <c r="F10" t="s">
        <v>12</v>
      </c>
      <c r="G10" t="s">
        <v>13</v>
      </c>
      <c r="H10" t="s">
        <v>29</v>
      </c>
    </row>
    <row r="11" spans="1:8" x14ac:dyDescent="0.25">
      <c r="A11">
        <v>10</v>
      </c>
      <c r="B11" t="s">
        <v>41</v>
      </c>
      <c r="C11" t="s">
        <v>42</v>
      </c>
      <c r="D11" t="s">
        <v>43</v>
      </c>
      <c r="E11" t="s">
        <v>11</v>
      </c>
      <c r="F11" t="s">
        <v>12</v>
      </c>
      <c r="G11" t="s">
        <v>13</v>
      </c>
      <c r="H11" t="s">
        <v>44</v>
      </c>
    </row>
    <row r="12" spans="1:8" x14ac:dyDescent="0.25">
      <c r="A12">
        <v>11</v>
      </c>
      <c r="B12" t="s">
        <v>45</v>
      </c>
      <c r="C12" t="s">
        <v>46</v>
      </c>
      <c r="D12" t="s">
        <v>47</v>
      </c>
      <c r="E12" t="s">
        <v>11</v>
      </c>
      <c r="F12" t="s">
        <v>12</v>
      </c>
      <c r="G12" t="s">
        <v>13</v>
      </c>
      <c r="H12" t="s">
        <v>44</v>
      </c>
    </row>
    <row r="13" spans="1:8" x14ac:dyDescent="0.25">
      <c r="A13">
        <v>12</v>
      </c>
      <c r="B13" t="s">
        <v>48</v>
      </c>
      <c r="C13" t="s">
        <v>49</v>
      </c>
      <c r="D13" t="s">
        <v>50</v>
      </c>
      <c r="E13" t="s">
        <v>11</v>
      </c>
      <c r="F13" t="s">
        <v>12</v>
      </c>
      <c r="G13" t="s">
        <v>13</v>
      </c>
      <c r="H13" t="s">
        <v>18</v>
      </c>
    </row>
    <row r="14" spans="1:8" x14ac:dyDescent="0.25">
      <c r="A14">
        <v>13</v>
      </c>
      <c r="B14" t="s">
        <v>51</v>
      </c>
      <c r="C14" t="s">
        <v>52</v>
      </c>
      <c r="D14" t="s">
        <v>53</v>
      </c>
      <c r="E14" t="s">
        <v>11</v>
      </c>
      <c r="F14" t="s">
        <v>12</v>
      </c>
      <c r="G14" t="s">
        <v>13</v>
      </c>
      <c r="H14" t="s">
        <v>18</v>
      </c>
    </row>
    <row r="15" spans="1:8" x14ac:dyDescent="0.25">
      <c r="A15">
        <v>14</v>
      </c>
      <c r="B15" t="s">
        <v>54</v>
      </c>
      <c r="C15" t="s">
        <v>55</v>
      </c>
      <c r="D15" t="s">
        <v>56</v>
      </c>
      <c r="E15" t="s">
        <v>11</v>
      </c>
      <c r="F15" t="s">
        <v>12</v>
      </c>
      <c r="G15" t="s">
        <v>13</v>
      </c>
      <c r="H15" t="s">
        <v>29</v>
      </c>
    </row>
    <row r="16" spans="1:8" x14ac:dyDescent="0.25">
      <c r="A16">
        <v>15</v>
      </c>
      <c r="B16" t="s">
        <v>57</v>
      </c>
      <c r="C16" t="s">
        <v>58</v>
      </c>
      <c r="D16" t="s">
        <v>59</v>
      </c>
      <c r="E16" t="s">
        <v>11</v>
      </c>
      <c r="F16" t="s">
        <v>12</v>
      </c>
      <c r="G16" t="s">
        <v>13</v>
      </c>
      <c r="H16" t="s">
        <v>29</v>
      </c>
    </row>
    <row r="17" spans="1:8" x14ac:dyDescent="0.25">
      <c r="A17">
        <v>16</v>
      </c>
      <c r="B17" t="s">
        <v>60</v>
      </c>
      <c r="C17" t="s">
        <v>61</v>
      </c>
      <c r="D17" t="s">
        <v>62</v>
      </c>
      <c r="E17" t="s">
        <v>11</v>
      </c>
      <c r="F17" t="s">
        <v>12</v>
      </c>
      <c r="G17" t="s">
        <v>13</v>
      </c>
      <c r="H17" t="s">
        <v>29</v>
      </c>
    </row>
    <row r="18" spans="1:8" x14ac:dyDescent="0.25">
      <c r="A18">
        <v>17</v>
      </c>
      <c r="B18" t="s">
        <v>63</v>
      </c>
      <c r="C18" t="s">
        <v>64</v>
      </c>
      <c r="D18" t="s">
        <v>65</v>
      </c>
      <c r="E18" t="s">
        <v>11</v>
      </c>
      <c r="F18" t="s">
        <v>12</v>
      </c>
      <c r="G18" t="s">
        <v>13</v>
      </c>
      <c r="H18" t="s">
        <v>29</v>
      </c>
    </row>
    <row r="19" spans="1:8" x14ac:dyDescent="0.25">
      <c r="A19">
        <v>18</v>
      </c>
      <c r="B19" t="s">
        <v>66</v>
      </c>
      <c r="C19" t="s">
        <v>67</v>
      </c>
      <c r="D19" t="s">
        <v>62</v>
      </c>
      <c r="E19" t="s">
        <v>11</v>
      </c>
      <c r="F19" t="s">
        <v>12</v>
      </c>
      <c r="G19" t="s">
        <v>13</v>
      </c>
      <c r="H19" t="s">
        <v>29</v>
      </c>
    </row>
    <row r="20" spans="1:8" x14ac:dyDescent="0.25">
      <c r="A20">
        <v>19</v>
      </c>
      <c r="B20" t="s">
        <v>68</v>
      </c>
      <c r="C20" t="s">
        <v>69</v>
      </c>
      <c r="D20" t="s">
        <v>70</v>
      </c>
      <c r="E20" t="s">
        <v>11</v>
      </c>
      <c r="F20" t="s">
        <v>12</v>
      </c>
      <c r="G20" t="s">
        <v>13</v>
      </c>
      <c r="H20" t="s">
        <v>29</v>
      </c>
    </row>
    <row r="21" spans="1:8" x14ac:dyDescent="0.25">
      <c r="A21">
        <v>20</v>
      </c>
      <c r="B21" t="s">
        <v>71</v>
      </c>
      <c r="C21" t="s">
        <v>72</v>
      </c>
      <c r="D21" t="s">
        <v>73</v>
      </c>
      <c r="E21" t="s">
        <v>22</v>
      </c>
      <c r="F21" t="s">
        <v>12</v>
      </c>
      <c r="G21" t="s">
        <v>13</v>
      </c>
      <c r="H21" t="s">
        <v>14</v>
      </c>
    </row>
    <row r="22" spans="1:8" x14ac:dyDescent="0.25">
      <c r="A22">
        <v>21</v>
      </c>
      <c r="B22" t="s">
        <v>74</v>
      </c>
      <c r="C22" t="s">
        <v>75</v>
      </c>
      <c r="D22" t="s">
        <v>76</v>
      </c>
      <c r="E22" t="s">
        <v>22</v>
      </c>
      <c r="F22" t="s">
        <v>12</v>
      </c>
      <c r="G22" t="s">
        <v>13</v>
      </c>
      <c r="H22" t="s">
        <v>77</v>
      </c>
    </row>
    <row r="23" spans="1:8" x14ac:dyDescent="0.25">
      <c r="A23">
        <v>22</v>
      </c>
      <c r="B23" t="s">
        <v>78</v>
      </c>
      <c r="C23" t="s">
        <v>79</v>
      </c>
      <c r="D23" t="s">
        <v>80</v>
      </c>
      <c r="E23" t="s">
        <v>22</v>
      </c>
      <c r="F23" t="s">
        <v>12</v>
      </c>
      <c r="G23" t="s">
        <v>13</v>
      </c>
      <c r="H23" t="s">
        <v>77</v>
      </c>
    </row>
    <row r="24" spans="1:8" x14ac:dyDescent="0.25">
      <c r="A24">
        <v>23</v>
      </c>
      <c r="B24" t="s">
        <v>81</v>
      </c>
      <c r="C24" t="s">
        <v>82</v>
      </c>
      <c r="D24" t="s">
        <v>83</v>
      </c>
      <c r="E24" t="s">
        <v>22</v>
      </c>
      <c r="F24" t="s">
        <v>12</v>
      </c>
      <c r="G24" t="s">
        <v>13</v>
      </c>
      <c r="H24" t="s">
        <v>84</v>
      </c>
    </row>
    <row r="25" spans="1:8" x14ac:dyDescent="0.25">
      <c r="A25">
        <v>24</v>
      </c>
      <c r="B25" t="s">
        <v>85</v>
      </c>
      <c r="C25" t="s">
        <v>86</v>
      </c>
      <c r="D25" t="s">
        <v>87</v>
      </c>
      <c r="E25" t="s">
        <v>22</v>
      </c>
      <c r="F25" t="s">
        <v>12</v>
      </c>
      <c r="G25" t="s">
        <v>13</v>
      </c>
      <c r="H25" t="s">
        <v>84</v>
      </c>
    </row>
    <row r="26" spans="1:8" x14ac:dyDescent="0.25">
      <c r="A26">
        <v>25</v>
      </c>
      <c r="B26" t="s">
        <v>88</v>
      </c>
      <c r="C26" t="s">
        <v>89</v>
      </c>
      <c r="D26" t="s">
        <v>90</v>
      </c>
      <c r="E26" t="s">
        <v>11</v>
      </c>
      <c r="F26" t="s">
        <v>12</v>
      </c>
      <c r="G26" t="s">
        <v>13</v>
      </c>
      <c r="H26" t="s">
        <v>18</v>
      </c>
    </row>
    <row r="27" spans="1:8" x14ac:dyDescent="0.25">
      <c r="A27">
        <v>26</v>
      </c>
      <c r="B27" t="s">
        <v>91</v>
      </c>
      <c r="C27" t="s">
        <v>92</v>
      </c>
      <c r="D27" t="s">
        <v>93</v>
      </c>
      <c r="E27" t="s">
        <v>22</v>
      </c>
      <c r="F27" t="s">
        <v>12</v>
      </c>
      <c r="G27" t="s">
        <v>13</v>
      </c>
      <c r="H27" t="s">
        <v>84</v>
      </c>
    </row>
    <row r="28" spans="1:8" x14ac:dyDescent="0.25">
      <c r="A28">
        <v>27</v>
      </c>
      <c r="B28" t="s">
        <v>94</v>
      </c>
      <c r="C28" t="s">
        <v>95</v>
      </c>
      <c r="D28" t="s">
        <v>96</v>
      </c>
      <c r="E28" t="s">
        <v>22</v>
      </c>
      <c r="F28" t="s">
        <v>12</v>
      </c>
      <c r="G28" t="s">
        <v>13</v>
      </c>
      <c r="H28" t="s">
        <v>18</v>
      </c>
    </row>
    <row r="29" spans="1:8" x14ac:dyDescent="0.25">
      <c r="A29">
        <v>28</v>
      </c>
      <c r="B29" t="s">
        <v>97</v>
      </c>
      <c r="C29" t="s">
        <v>98</v>
      </c>
      <c r="D29" t="s">
        <v>99</v>
      </c>
      <c r="E29" t="s">
        <v>22</v>
      </c>
      <c r="F29" t="s">
        <v>12</v>
      </c>
      <c r="G29" t="s">
        <v>13</v>
      </c>
      <c r="H29" t="s">
        <v>18</v>
      </c>
    </row>
    <row r="30" spans="1:8" x14ac:dyDescent="0.25">
      <c r="A30">
        <v>29</v>
      </c>
      <c r="B30" t="s">
        <v>100</v>
      </c>
      <c r="C30" t="s">
        <v>101</v>
      </c>
      <c r="D30" t="s">
        <v>90</v>
      </c>
      <c r="E30" t="s">
        <v>22</v>
      </c>
      <c r="F30" t="s">
        <v>12</v>
      </c>
      <c r="G30" t="s">
        <v>13</v>
      </c>
      <c r="H30" t="s">
        <v>29</v>
      </c>
    </row>
    <row r="31" spans="1:8" x14ac:dyDescent="0.25">
      <c r="A31">
        <v>30</v>
      </c>
      <c r="B31" t="s">
        <v>102</v>
      </c>
      <c r="C31" t="s">
        <v>103</v>
      </c>
      <c r="D31" t="s">
        <v>104</v>
      </c>
      <c r="E31" t="s">
        <v>11</v>
      </c>
      <c r="F31" t="s">
        <v>12</v>
      </c>
      <c r="G31" t="s">
        <v>13</v>
      </c>
      <c r="H31" t="s">
        <v>77</v>
      </c>
    </row>
    <row r="32" spans="1:8" x14ac:dyDescent="0.25">
      <c r="A32">
        <v>31</v>
      </c>
      <c r="B32" t="s">
        <v>105</v>
      </c>
      <c r="C32" t="s">
        <v>106</v>
      </c>
      <c r="D32" t="s">
        <v>107</v>
      </c>
      <c r="E32" t="s">
        <v>22</v>
      </c>
      <c r="F32" t="s">
        <v>12</v>
      </c>
      <c r="G32" t="s">
        <v>13</v>
      </c>
      <c r="H32" t="s">
        <v>14</v>
      </c>
    </row>
    <row r="33" spans="1:8" x14ac:dyDescent="0.25">
      <c r="A33">
        <v>32</v>
      </c>
      <c r="B33" t="s">
        <v>108</v>
      </c>
      <c r="C33" t="s">
        <v>109</v>
      </c>
      <c r="D33" t="s">
        <v>110</v>
      </c>
      <c r="E33" t="s">
        <v>22</v>
      </c>
      <c r="F33" t="s">
        <v>12</v>
      </c>
      <c r="G33" t="s">
        <v>13</v>
      </c>
      <c r="H33" t="s">
        <v>14</v>
      </c>
    </row>
    <row r="34" spans="1:8" x14ac:dyDescent="0.25">
      <c r="A34">
        <v>33</v>
      </c>
      <c r="B34" t="s">
        <v>111</v>
      </c>
      <c r="C34" t="s">
        <v>112</v>
      </c>
      <c r="D34" t="s">
        <v>113</v>
      </c>
      <c r="E34" t="s">
        <v>11</v>
      </c>
      <c r="F34" t="s">
        <v>12</v>
      </c>
      <c r="G34" t="s">
        <v>13</v>
      </c>
      <c r="H34" t="s">
        <v>29</v>
      </c>
    </row>
    <row r="35" spans="1:8" x14ac:dyDescent="0.25">
      <c r="A35">
        <v>34</v>
      </c>
      <c r="B35" t="s">
        <v>114</v>
      </c>
      <c r="C35" t="s">
        <v>115</v>
      </c>
      <c r="D35" t="s">
        <v>116</v>
      </c>
      <c r="E35" t="s">
        <v>11</v>
      </c>
      <c r="F35" t="s">
        <v>12</v>
      </c>
      <c r="G35" t="s">
        <v>13</v>
      </c>
      <c r="H35" t="s">
        <v>84</v>
      </c>
    </row>
    <row r="36" spans="1:8" x14ac:dyDescent="0.25">
      <c r="A36">
        <v>35</v>
      </c>
      <c r="B36" t="s">
        <v>117</v>
      </c>
      <c r="C36" t="s">
        <v>118</v>
      </c>
      <c r="D36" t="s">
        <v>119</v>
      </c>
      <c r="E36" t="s">
        <v>11</v>
      </c>
      <c r="F36" t="s">
        <v>12</v>
      </c>
      <c r="G36" t="s">
        <v>13</v>
      </c>
      <c r="H36" t="s">
        <v>18</v>
      </c>
    </row>
    <row r="37" spans="1:8" x14ac:dyDescent="0.25">
      <c r="A37">
        <v>36</v>
      </c>
      <c r="B37" t="s">
        <v>120</v>
      </c>
      <c r="C37" t="s">
        <v>121</v>
      </c>
      <c r="D37" t="s">
        <v>122</v>
      </c>
      <c r="E37" t="s">
        <v>123</v>
      </c>
      <c r="F37" t="s">
        <v>12</v>
      </c>
      <c r="G37" t="s">
        <v>13</v>
      </c>
      <c r="H37" t="s">
        <v>29</v>
      </c>
    </row>
    <row r="38" spans="1:8" x14ac:dyDescent="0.25">
      <c r="A38">
        <v>37</v>
      </c>
      <c r="B38" t="s">
        <v>124</v>
      </c>
      <c r="C38" t="s">
        <v>125</v>
      </c>
      <c r="D38" t="s">
        <v>126</v>
      </c>
      <c r="E38" t="s">
        <v>22</v>
      </c>
      <c r="F38" t="s">
        <v>12</v>
      </c>
      <c r="G38" t="s">
        <v>13</v>
      </c>
      <c r="H38" t="s">
        <v>14</v>
      </c>
    </row>
    <row r="39" spans="1:8" x14ac:dyDescent="0.25">
      <c r="A39">
        <v>38</v>
      </c>
      <c r="B39" t="s">
        <v>127</v>
      </c>
      <c r="C39" t="s">
        <v>128</v>
      </c>
      <c r="D39" t="s">
        <v>129</v>
      </c>
      <c r="E39" t="s">
        <v>22</v>
      </c>
      <c r="F39" t="s">
        <v>12</v>
      </c>
      <c r="G39" t="s">
        <v>13</v>
      </c>
      <c r="H39" t="s">
        <v>44</v>
      </c>
    </row>
    <row r="40" spans="1:8" x14ac:dyDescent="0.25">
      <c r="A40">
        <v>39</v>
      </c>
      <c r="B40" t="s">
        <v>130</v>
      </c>
      <c r="C40" t="s">
        <v>131</v>
      </c>
      <c r="D40" t="s">
        <v>132</v>
      </c>
      <c r="E40" t="s">
        <v>22</v>
      </c>
      <c r="F40" t="s">
        <v>12</v>
      </c>
      <c r="G40" t="s">
        <v>13</v>
      </c>
      <c r="H40" t="s">
        <v>29</v>
      </c>
    </row>
    <row r="41" spans="1:8" x14ac:dyDescent="0.25">
      <c r="A41">
        <v>40</v>
      </c>
      <c r="B41" t="s">
        <v>133</v>
      </c>
      <c r="C41" t="s">
        <v>134</v>
      </c>
      <c r="D41" t="s">
        <v>135</v>
      </c>
      <c r="E41" t="s">
        <v>22</v>
      </c>
      <c r="F41" t="s">
        <v>12</v>
      </c>
      <c r="G41" t="s">
        <v>13</v>
      </c>
      <c r="H41" t="s">
        <v>77</v>
      </c>
    </row>
    <row r="42" spans="1:8" x14ac:dyDescent="0.25">
      <c r="A42">
        <v>41</v>
      </c>
      <c r="B42" t="s">
        <v>136</v>
      </c>
      <c r="C42" t="s">
        <v>137</v>
      </c>
      <c r="D42" t="s">
        <v>138</v>
      </c>
      <c r="E42" t="s">
        <v>22</v>
      </c>
      <c r="F42" t="s">
        <v>12</v>
      </c>
      <c r="G42" t="s">
        <v>13</v>
      </c>
      <c r="H42" t="s">
        <v>14</v>
      </c>
    </row>
    <row r="43" spans="1:8" x14ac:dyDescent="0.25">
      <c r="A43">
        <v>42</v>
      </c>
      <c r="B43" t="s">
        <v>139</v>
      </c>
      <c r="C43" t="s">
        <v>140</v>
      </c>
      <c r="D43" t="s">
        <v>141</v>
      </c>
      <c r="E43" t="s">
        <v>22</v>
      </c>
      <c r="F43" t="s">
        <v>12</v>
      </c>
      <c r="G43" t="s">
        <v>13</v>
      </c>
      <c r="H43" t="s">
        <v>84</v>
      </c>
    </row>
    <row r="44" spans="1:8" x14ac:dyDescent="0.25">
      <c r="A44">
        <v>43</v>
      </c>
      <c r="B44" t="s">
        <v>142</v>
      </c>
      <c r="C44" t="s">
        <v>143</v>
      </c>
      <c r="D44" t="s">
        <v>144</v>
      </c>
      <c r="E44" t="s">
        <v>22</v>
      </c>
      <c r="F44" t="s">
        <v>12</v>
      </c>
      <c r="G44" t="s">
        <v>13</v>
      </c>
      <c r="H44" t="s">
        <v>77</v>
      </c>
    </row>
    <row r="45" spans="1:8" x14ac:dyDescent="0.25">
      <c r="A45">
        <v>44</v>
      </c>
      <c r="B45" t="s">
        <v>145</v>
      </c>
      <c r="C45" t="s">
        <v>146</v>
      </c>
      <c r="D45" t="s">
        <v>147</v>
      </c>
      <c r="E45" t="s">
        <v>22</v>
      </c>
      <c r="F45" t="s">
        <v>12</v>
      </c>
      <c r="G45" t="s">
        <v>13</v>
      </c>
      <c r="H45" t="s">
        <v>29</v>
      </c>
    </row>
    <row r="46" spans="1:8" x14ac:dyDescent="0.25">
      <c r="A46">
        <v>45</v>
      </c>
      <c r="B46" t="s">
        <v>148</v>
      </c>
      <c r="C46" t="s">
        <v>149</v>
      </c>
      <c r="D46" t="s">
        <v>150</v>
      </c>
      <c r="E46" t="s">
        <v>22</v>
      </c>
      <c r="F46" t="s">
        <v>12</v>
      </c>
      <c r="G46" t="s">
        <v>13</v>
      </c>
      <c r="H46" t="s">
        <v>14</v>
      </c>
    </row>
    <row r="47" spans="1:8" x14ac:dyDescent="0.25">
      <c r="A47">
        <v>46</v>
      </c>
      <c r="B47" t="s">
        <v>151</v>
      </c>
      <c r="C47" t="s">
        <v>152</v>
      </c>
      <c r="D47" t="s">
        <v>153</v>
      </c>
      <c r="E47" t="s">
        <v>22</v>
      </c>
      <c r="F47" t="s">
        <v>12</v>
      </c>
      <c r="G47" t="s">
        <v>13</v>
      </c>
      <c r="H47" t="s">
        <v>14</v>
      </c>
    </row>
    <row r="48" spans="1:8" x14ac:dyDescent="0.25">
      <c r="A48">
        <v>47</v>
      </c>
      <c r="B48" t="s">
        <v>154</v>
      </c>
      <c r="C48" t="s">
        <v>155</v>
      </c>
      <c r="D48" t="s">
        <v>156</v>
      </c>
      <c r="E48" t="s">
        <v>123</v>
      </c>
      <c r="F48" t="s">
        <v>12</v>
      </c>
      <c r="G48" t="s">
        <v>13</v>
      </c>
      <c r="H48" t="s">
        <v>14</v>
      </c>
    </row>
    <row r="49" spans="1:8" x14ac:dyDescent="0.25">
      <c r="A49">
        <v>48</v>
      </c>
      <c r="B49" t="s">
        <v>157</v>
      </c>
      <c r="C49" t="s">
        <v>158</v>
      </c>
      <c r="D49" t="s">
        <v>159</v>
      </c>
      <c r="E49" t="s">
        <v>22</v>
      </c>
      <c r="F49" t="s">
        <v>12</v>
      </c>
      <c r="G49" t="s">
        <v>13</v>
      </c>
      <c r="H49" t="s">
        <v>18</v>
      </c>
    </row>
    <row r="50" spans="1:8" x14ac:dyDescent="0.25">
      <c r="A50">
        <v>49</v>
      </c>
      <c r="B50" t="s">
        <v>160</v>
      </c>
      <c r="C50" t="s">
        <v>161</v>
      </c>
      <c r="D50" t="s">
        <v>162</v>
      </c>
      <c r="E50" t="s">
        <v>22</v>
      </c>
      <c r="F50" t="s">
        <v>12</v>
      </c>
      <c r="G50" t="s">
        <v>13</v>
      </c>
      <c r="H50" t="s">
        <v>84</v>
      </c>
    </row>
    <row r="51" spans="1:8" x14ac:dyDescent="0.25">
      <c r="A51">
        <v>50</v>
      </c>
      <c r="B51" t="s">
        <v>163</v>
      </c>
      <c r="C51" t="s">
        <v>164</v>
      </c>
      <c r="D51" t="s">
        <v>126</v>
      </c>
      <c r="E51" t="s">
        <v>22</v>
      </c>
      <c r="F51" t="s">
        <v>12</v>
      </c>
      <c r="G51" t="s">
        <v>13</v>
      </c>
      <c r="H51" t="s">
        <v>14</v>
      </c>
    </row>
    <row r="52" spans="1:8" x14ac:dyDescent="0.25">
      <c r="A52">
        <v>51</v>
      </c>
      <c r="B52" t="s">
        <v>165</v>
      </c>
      <c r="C52" t="s">
        <v>166</v>
      </c>
      <c r="D52" t="s">
        <v>167</v>
      </c>
      <c r="E52" t="s">
        <v>22</v>
      </c>
      <c r="F52" t="s">
        <v>12</v>
      </c>
      <c r="G52" t="s">
        <v>13</v>
      </c>
      <c r="H52" t="s">
        <v>14</v>
      </c>
    </row>
    <row r="53" spans="1:8" x14ac:dyDescent="0.25">
      <c r="A53">
        <v>52</v>
      </c>
      <c r="B53" t="s">
        <v>168</v>
      </c>
      <c r="C53" t="s">
        <v>169</v>
      </c>
      <c r="D53" t="s">
        <v>170</v>
      </c>
      <c r="E53" t="s">
        <v>11</v>
      </c>
      <c r="F53" t="s">
        <v>12</v>
      </c>
      <c r="G53" t="s">
        <v>13</v>
      </c>
      <c r="H53" t="s">
        <v>77</v>
      </c>
    </row>
    <row r="54" spans="1:8" x14ac:dyDescent="0.25">
      <c r="A54">
        <v>53</v>
      </c>
      <c r="B54" t="s">
        <v>171</v>
      </c>
      <c r="C54" t="s">
        <v>172</v>
      </c>
      <c r="D54" t="s">
        <v>173</v>
      </c>
      <c r="E54" t="s">
        <v>22</v>
      </c>
      <c r="F54" t="s">
        <v>12</v>
      </c>
      <c r="G54" t="s">
        <v>13</v>
      </c>
      <c r="H54" t="s">
        <v>84</v>
      </c>
    </row>
    <row r="55" spans="1:8" x14ac:dyDescent="0.25">
      <c r="A55">
        <v>54</v>
      </c>
      <c r="B55" t="s">
        <v>174</v>
      </c>
      <c r="C55" t="s">
        <v>175</v>
      </c>
      <c r="D55" t="s">
        <v>176</v>
      </c>
      <c r="E55" t="s">
        <v>22</v>
      </c>
      <c r="F55" t="s">
        <v>12</v>
      </c>
      <c r="G55" t="s">
        <v>13</v>
      </c>
      <c r="H55" t="s">
        <v>14</v>
      </c>
    </row>
    <row r="56" spans="1:8" x14ac:dyDescent="0.25">
      <c r="A56">
        <v>55</v>
      </c>
      <c r="B56" t="s">
        <v>177</v>
      </c>
      <c r="C56" t="s">
        <v>178</v>
      </c>
      <c r="D56" t="s">
        <v>179</v>
      </c>
      <c r="E56" t="s">
        <v>22</v>
      </c>
      <c r="F56" t="s">
        <v>12</v>
      </c>
      <c r="G56" t="s">
        <v>13</v>
      </c>
      <c r="H56" t="s">
        <v>44</v>
      </c>
    </row>
    <row r="57" spans="1:8" x14ac:dyDescent="0.25">
      <c r="A57">
        <v>56</v>
      </c>
      <c r="B57" t="s">
        <v>180</v>
      </c>
      <c r="C57" t="s">
        <v>181</v>
      </c>
      <c r="D57" t="s">
        <v>182</v>
      </c>
      <c r="E57" t="s">
        <v>22</v>
      </c>
      <c r="F57" t="s">
        <v>12</v>
      </c>
      <c r="G57" t="s">
        <v>13</v>
      </c>
      <c r="H57" t="s">
        <v>14</v>
      </c>
    </row>
    <row r="58" spans="1:8" x14ac:dyDescent="0.25">
      <c r="A58">
        <v>57</v>
      </c>
      <c r="B58" t="s">
        <v>183</v>
      </c>
      <c r="C58" t="s">
        <v>184</v>
      </c>
      <c r="D58" t="s">
        <v>185</v>
      </c>
      <c r="E58" t="s">
        <v>11</v>
      </c>
      <c r="F58" t="s">
        <v>12</v>
      </c>
      <c r="G58" t="s">
        <v>13</v>
      </c>
      <c r="H58" t="s">
        <v>84</v>
      </c>
    </row>
    <row r="59" spans="1:8" x14ac:dyDescent="0.25">
      <c r="A59">
        <v>58</v>
      </c>
      <c r="B59" t="s">
        <v>186</v>
      </c>
      <c r="C59" t="s">
        <v>187</v>
      </c>
      <c r="D59" t="s">
        <v>188</v>
      </c>
      <c r="E59" t="s">
        <v>22</v>
      </c>
      <c r="F59" t="s">
        <v>12</v>
      </c>
      <c r="G59" t="s">
        <v>13</v>
      </c>
      <c r="H59" t="s">
        <v>29</v>
      </c>
    </row>
    <row r="60" spans="1:8" x14ac:dyDescent="0.25">
      <c r="A60">
        <v>59</v>
      </c>
      <c r="B60" t="s">
        <v>189</v>
      </c>
      <c r="C60" t="s">
        <v>190</v>
      </c>
      <c r="D60" t="s">
        <v>191</v>
      </c>
      <c r="E60" t="s">
        <v>11</v>
      </c>
      <c r="F60" t="s">
        <v>12</v>
      </c>
      <c r="G60" t="s">
        <v>13</v>
      </c>
      <c r="H60" t="s">
        <v>44</v>
      </c>
    </row>
    <row r="61" spans="1:8" x14ac:dyDescent="0.25">
      <c r="A61">
        <v>60</v>
      </c>
      <c r="B61" t="s">
        <v>192</v>
      </c>
      <c r="C61" t="s">
        <v>193</v>
      </c>
      <c r="D61" t="s">
        <v>194</v>
      </c>
      <c r="E61" t="s">
        <v>22</v>
      </c>
      <c r="F61" t="s">
        <v>12</v>
      </c>
      <c r="G61" t="s">
        <v>13</v>
      </c>
      <c r="H61" t="s">
        <v>14</v>
      </c>
    </row>
    <row r="62" spans="1:8" x14ac:dyDescent="0.25">
      <c r="A62">
        <v>61</v>
      </c>
      <c r="B62" t="s">
        <v>195</v>
      </c>
      <c r="C62" t="s">
        <v>196</v>
      </c>
      <c r="D62" t="s">
        <v>197</v>
      </c>
      <c r="E62" t="s">
        <v>22</v>
      </c>
      <c r="F62" t="s">
        <v>12</v>
      </c>
      <c r="G62" t="s">
        <v>13</v>
      </c>
      <c r="H62" t="s">
        <v>44</v>
      </c>
    </row>
    <row r="63" spans="1:8" x14ac:dyDescent="0.25">
      <c r="A63">
        <v>62</v>
      </c>
      <c r="B63" t="s">
        <v>198</v>
      </c>
      <c r="C63" t="s">
        <v>199</v>
      </c>
      <c r="D63" t="s">
        <v>200</v>
      </c>
      <c r="E63" t="s">
        <v>22</v>
      </c>
      <c r="F63" t="s">
        <v>12</v>
      </c>
      <c r="G63" t="s">
        <v>13</v>
      </c>
      <c r="H63" t="s">
        <v>18</v>
      </c>
    </row>
    <row r="64" spans="1:8" x14ac:dyDescent="0.25">
      <c r="A64">
        <v>63</v>
      </c>
      <c r="B64" t="s">
        <v>201</v>
      </c>
      <c r="C64" t="s">
        <v>202</v>
      </c>
      <c r="D64" t="s">
        <v>194</v>
      </c>
      <c r="E64" t="s">
        <v>22</v>
      </c>
      <c r="F64" t="s">
        <v>12</v>
      </c>
      <c r="G64" t="s">
        <v>13</v>
      </c>
      <c r="H64" t="s">
        <v>14</v>
      </c>
    </row>
    <row r="65" spans="1:8" x14ac:dyDescent="0.25">
      <c r="A65">
        <v>64</v>
      </c>
      <c r="B65" t="s">
        <v>203</v>
      </c>
      <c r="C65" t="s">
        <v>204</v>
      </c>
      <c r="D65" t="s">
        <v>205</v>
      </c>
      <c r="E65" t="s">
        <v>22</v>
      </c>
      <c r="F65" t="s">
        <v>12</v>
      </c>
      <c r="G65" t="s">
        <v>13</v>
      </c>
      <c r="H65" t="s">
        <v>18</v>
      </c>
    </row>
    <row r="66" spans="1:8" x14ac:dyDescent="0.25">
      <c r="A66">
        <v>65</v>
      </c>
      <c r="B66" t="s">
        <v>206</v>
      </c>
      <c r="C66" t="s">
        <v>207</v>
      </c>
      <c r="D66" t="s">
        <v>208</v>
      </c>
      <c r="E66" t="s">
        <v>11</v>
      </c>
      <c r="F66" t="s">
        <v>12</v>
      </c>
      <c r="G66" t="s">
        <v>13</v>
      </c>
      <c r="H66" t="s">
        <v>18</v>
      </c>
    </row>
    <row r="67" spans="1:8" x14ac:dyDescent="0.25">
      <c r="A67">
        <v>66</v>
      </c>
      <c r="B67" t="s">
        <v>209</v>
      </c>
      <c r="C67" t="s">
        <v>210</v>
      </c>
      <c r="D67" t="s">
        <v>211</v>
      </c>
      <c r="E67" t="s">
        <v>22</v>
      </c>
      <c r="F67" t="s">
        <v>12</v>
      </c>
      <c r="G67" t="s">
        <v>13</v>
      </c>
      <c r="H67" t="s">
        <v>14</v>
      </c>
    </row>
    <row r="68" spans="1:8" x14ac:dyDescent="0.25">
      <c r="A68">
        <v>67</v>
      </c>
      <c r="B68" t="s">
        <v>212</v>
      </c>
      <c r="C68" t="s">
        <v>213</v>
      </c>
      <c r="D68" t="s">
        <v>214</v>
      </c>
      <c r="E68" t="s">
        <v>22</v>
      </c>
      <c r="F68" t="s">
        <v>12</v>
      </c>
      <c r="G68" t="s">
        <v>13</v>
      </c>
      <c r="H68" t="s">
        <v>18</v>
      </c>
    </row>
    <row r="69" spans="1:8" x14ac:dyDescent="0.25">
      <c r="A69">
        <v>68</v>
      </c>
      <c r="B69" t="s">
        <v>215</v>
      </c>
      <c r="C69" t="s">
        <v>216</v>
      </c>
      <c r="D69" t="s">
        <v>217</v>
      </c>
      <c r="E69" t="s">
        <v>22</v>
      </c>
      <c r="F69" t="s">
        <v>12</v>
      </c>
      <c r="G69" t="s">
        <v>13</v>
      </c>
      <c r="H69" t="s">
        <v>14</v>
      </c>
    </row>
    <row r="70" spans="1:8" x14ac:dyDescent="0.25">
      <c r="A70">
        <v>69</v>
      </c>
      <c r="B70" t="s">
        <v>218</v>
      </c>
      <c r="C70" t="s">
        <v>219</v>
      </c>
      <c r="D70" t="s">
        <v>220</v>
      </c>
      <c r="E70" t="s">
        <v>22</v>
      </c>
      <c r="F70" t="s">
        <v>12</v>
      </c>
      <c r="G70" t="s">
        <v>13</v>
      </c>
      <c r="H70" t="s">
        <v>14</v>
      </c>
    </row>
    <row r="71" spans="1:8" x14ac:dyDescent="0.25">
      <c r="A71">
        <v>70</v>
      </c>
      <c r="B71" t="s">
        <v>221</v>
      </c>
      <c r="C71" t="s">
        <v>222</v>
      </c>
      <c r="D71" t="s">
        <v>223</v>
      </c>
      <c r="E71" t="s">
        <v>22</v>
      </c>
      <c r="F71" t="s">
        <v>12</v>
      </c>
      <c r="G71" t="s">
        <v>13</v>
      </c>
      <c r="H71" t="s">
        <v>84</v>
      </c>
    </row>
    <row r="72" spans="1:8" x14ac:dyDescent="0.25">
      <c r="A72">
        <v>71</v>
      </c>
      <c r="B72" t="s">
        <v>224</v>
      </c>
      <c r="C72" t="s">
        <v>225</v>
      </c>
      <c r="D72" t="s">
        <v>226</v>
      </c>
      <c r="E72" t="s">
        <v>22</v>
      </c>
      <c r="F72" t="s">
        <v>12</v>
      </c>
      <c r="G72" t="s">
        <v>13</v>
      </c>
      <c r="H72" t="s">
        <v>44</v>
      </c>
    </row>
    <row r="73" spans="1:8" x14ac:dyDescent="0.25">
      <c r="A73">
        <v>72</v>
      </c>
      <c r="B73" t="s">
        <v>227</v>
      </c>
      <c r="C73" t="s">
        <v>228</v>
      </c>
      <c r="D73" t="s">
        <v>229</v>
      </c>
      <c r="E73" t="s">
        <v>22</v>
      </c>
      <c r="F73" t="s">
        <v>12</v>
      </c>
      <c r="G73" t="s">
        <v>13</v>
      </c>
      <c r="H73" t="s">
        <v>230</v>
      </c>
    </row>
    <row r="74" spans="1:8" x14ac:dyDescent="0.25">
      <c r="A74">
        <v>73</v>
      </c>
      <c r="B74" t="s">
        <v>231</v>
      </c>
      <c r="C74" t="s">
        <v>232</v>
      </c>
      <c r="D74" t="s">
        <v>233</v>
      </c>
      <c r="E74" t="s">
        <v>22</v>
      </c>
      <c r="F74" t="s">
        <v>12</v>
      </c>
      <c r="G74" t="s">
        <v>13</v>
      </c>
      <c r="H74" t="s">
        <v>18</v>
      </c>
    </row>
    <row r="75" spans="1:8" x14ac:dyDescent="0.25">
      <c r="A75">
        <v>74</v>
      </c>
      <c r="B75" t="s">
        <v>234</v>
      </c>
      <c r="C75" t="s">
        <v>235</v>
      </c>
      <c r="D75" t="s">
        <v>236</v>
      </c>
      <c r="E75" t="s">
        <v>11</v>
      </c>
      <c r="F75" t="s">
        <v>12</v>
      </c>
      <c r="G75" t="s">
        <v>13</v>
      </c>
      <c r="H75" t="s">
        <v>44</v>
      </c>
    </row>
    <row r="76" spans="1:8" x14ac:dyDescent="0.25">
      <c r="A76">
        <v>75</v>
      </c>
      <c r="B76" t="s">
        <v>237</v>
      </c>
      <c r="C76" t="s">
        <v>238</v>
      </c>
      <c r="D76" t="s">
        <v>239</v>
      </c>
      <c r="E76" t="s">
        <v>22</v>
      </c>
      <c r="F76" t="s">
        <v>12</v>
      </c>
      <c r="G76" t="s">
        <v>13</v>
      </c>
      <c r="H76" t="s">
        <v>29</v>
      </c>
    </row>
    <row r="77" spans="1:8" x14ac:dyDescent="0.25">
      <c r="A77">
        <v>76</v>
      </c>
      <c r="B77" t="s">
        <v>240</v>
      </c>
      <c r="C77" t="s">
        <v>241</v>
      </c>
      <c r="D77" t="s">
        <v>242</v>
      </c>
      <c r="E77" t="s">
        <v>11</v>
      </c>
      <c r="F77" t="s">
        <v>12</v>
      </c>
      <c r="G77" t="s">
        <v>13</v>
      </c>
      <c r="H77" t="s">
        <v>29</v>
      </c>
    </row>
    <row r="78" spans="1:8" x14ac:dyDescent="0.25">
      <c r="A78">
        <v>77</v>
      </c>
      <c r="B78" t="s">
        <v>243</v>
      </c>
      <c r="C78" t="s">
        <v>244</v>
      </c>
      <c r="D78" t="s">
        <v>245</v>
      </c>
      <c r="E78" t="s">
        <v>11</v>
      </c>
      <c r="F78" t="s">
        <v>12</v>
      </c>
      <c r="G78" t="s">
        <v>13</v>
      </c>
      <c r="H78" t="s">
        <v>29</v>
      </c>
    </row>
    <row r="79" spans="1:8" x14ac:dyDescent="0.25">
      <c r="A79">
        <v>78</v>
      </c>
      <c r="B79" t="s">
        <v>246</v>
      </c>
      <c r="C79" t="s">
        <v>247</v>
      </c>
      <c r="D79" t="s">
        <v>248</v>
      </c>
      <c r="E79" t="s">
        <v>22</v>
      </c>
      <c r="F79" t="s">
        <v>12</v>
      </c>
      <c r="G79" t="s">
        <v>13</v>
      </c>
      <c r="H79" t="s">
        <v>44</v>
      </c>
    </row>
    <row r="80" spans="1:8" x14ac:dyDescent="0.25">
      <c r="A80">
        <v>79</v>
      </c>
      <c r="B80" t="s">
        <v>249</v>
      </c>
      <c r="C80" t="s">
        <v>250</v>
      </c>
      <c r="D80" t="s">
        <v>251</v>
      </c>
      <c r="E80" t="s">
        <v>22</v>
      </c>
      <c r="F80" t="s">
        <v>12</v>
      </c>
      <c r="G80" t="s">
        <v>13</v>
      </c>
      <c r="H80" t="s">
        <v>14</v>
      </c>
    </row>
    <row r="81" spans="1:8" x14ac:dyDescent="0.25">
      <c r="A81">
        <v>80</v>
      </c>
      <c r="B81" t="s">
        <v>252</v>
      </c>
      <c r="C81" t="s">
        <v>253</v>
      </c>
      <c r="D81" t="s">
        <v>194</v>
      </c>
      <c r="E81" t="s">
        <v>22</v>
      </c>
      <c r="F81" t="s">
        <v>12</v>
      </c>
      <c r="G81" t="s">
        <v>13</v>
      </c>
      <c r="H81" t="s">
        <v>18</v>
      </c>
    </row>
    <row r="82" spans="1:8" x14ac:dyDescent="0.25">
      <c r="A82">
        <v>81</v>
      </c>
      <c r="B82" t="s">
        <v>254</v>
      </c>
      <c r="C82" t="s">
        <v>255</v>
      </c>
      <c r="D82" t="s">
        <v>256</v>
      </c>
      <c r="E82" t="s">
        <v>123</v>
      </c>
      <c r="F82" t="s">
        <v>12</v>
      </c>
      <c r="G82" t="s">
        <v>13</v>
      </c>
      <c r="H82" t="s">
        <v>44</v>
      </c>
    </row>
    <row r="83" spans="1:8" x14ac:dyDescent="0.25">
      <c r="A83">
        <v>82</v>
      </c>
      <c r="B83" t="s">
        <v>257</v>
      </c>
      <c r="C83" t="s">
        <v>258</v>
      </c>
      <c r="D83" t="s">
        <v>259</v>
      </c>
      <c r="E83" t="s">
        <v>22</v>
      </c>
      <c r="F83" t="s">
        <v>12</v>
      </c>
      <c r="G83" t="s">
        <v>13</v>
      </c>
      <c r="H83" t="s">
        <v>44</v>
      </c>
    </row>
    <row r="84" spans="1:8" x14ac:dyDescent="0.25">
      <c r="A84">
        <v>83</v>
      </c>
      <c r="B84" t="s">
        <v>260</v>
      </c>
      <c r="C84" t="s">
        <v>261</v>
      </c>
      <c r="D84" t="s">
        <v>262</v>
      </c>
      <c r="E84" t="s">
        <v>22</v>
      </c>
      <c r="F84" t="s">
        <v>12</v>
      </c>
      <c r="G84" t="s">
        <v>13</v>
      </c>
      <c r="H84" t="s">
        <v>18</v>
      </c>
    </row>
    <row r="85" spans="1:8" x14ac:dyDescent="0.25">
      <c r="A85">
        <v>84</v>
      </c>
      <c r="B85" t="s">
        <v>263</v>
      </c>
      <c r="C85" t="s">
        <v>264</v>
      </c>
      <c r="D85" t="s">
        <v>265</v>
      </c>
      <c r="E85" t="s">
        <v>11</v>
      </c>
      <c r="F85" t="s">
        <v>12</v>
      </c>
      <c r="G85" t="s">
        <v>13</v>
      </c>
      <c r="H85" t="s">
        <v>44</v>
      </c>
    </row>
    <row r="86" spans="1:8" x14ac:dyDescent="0.25">
      <c r="A86">
        <v>85</v>
      </c>
      <c r="B86" t="s">
        <v>266</v>
      </c>
      <c r="C86" t="s">
        <v>267</v>
      </c>
      <c r="D86" t="s">
        <v>268</v>
      </c>
      <c r="E86" t="s">
        <v>22</v>
      </c>
      <c r="F86" t="s">
        <v>12</v>
      </c>
      <c r="G86" t="s">
        <v>13</v>
      </c>
      <c r="H86" t="s">
        <v>77</v>
      </c>
    </row>
    <row r="87" spans="1:8" x14ac:dyDescent="0.25">
      <c r="A87">
        <v>86</v>
      </c>
      <c r="B87" t="s">
        <v>269</v>
      </c>
      <c r="C87" t="s">
        <v>270</v>
      </c>
      <c r="D87" t="s">
        <v>271</v>
      </c>
      <c r="E87" t="s">
        <v>22</v>
      </c>
      <c r="F87" t="s">
        <v>12</v>
      </c>
      <c r="G87" t="s">
        <v>13</v>
      </c>
      <c r="H87" t="s">
        <v>44</v>
      </c>
    </row>
    <row r="88" spans="1:8" x14ac:dyDescent="0.25">
      <c r="A88">
        <v>87</v>
      </c>
      <c r="B88" t="s">
        <v>272</v>
      </c>
      <c r="C88" t="s">
        <v>273</v>
      </c>
      <c r="D88" t="s">
        <v>274</v>
      </c>
      <c r="E88" t="s">
        <v>11</v>
      </c>
      <c r="F88" t="s">
        <v>12</v>
      </c>
      <c r="G88" t="s">
        <v>13</v>
      </c>
      <c r="H88" t="s">
        <v>18</v>
      </c>
    </row>
    <row r="89" spans="1:8" x14ac:dyDescent="0.25">
      <c r="A89">
        <v>88</v>
      </c>
      <c r="B89" t="s">
        <v>275</v>
      </c>
      <c r="C89" t="s">
        <v>276</v>
      </c>
      <c r="D89" t="s">
        <v>277</v>
      </c>
      <c r="E89" t="s">
        <v>22</v>
      </c>
      <c r="F89" t="s">
        <v>12</v>
      </c>
      <c r="G89" t="s">
        <v>13</v>
      </c>
      <c r="H89" t="s">
        <v>14</v>
      </c>
    </row>
    <row r="90" spans="1:8" x14ac:dyDescent="0.25">
      <c r="A90">
        <v>89</v>
      </c>
      <c r="B90" t="s">
        <v>278</v>
      </c>
      <c r="C90" t="s">
        <v>279</v>
      </c>
      <c r="D90" t="s">
        <v>280</v>
      </c>
      <c r="E90" t="s">
        <v>22</v>
      </c>
      <c r="F90" t="s">
        <v>12</v>
      </c>
      <c r="G90" t="s">
        <v>13</v>
      </c>
      <c r="H90" t="s">
        <v>77</v>
      </c>
    </row>
    <row r="91" spans="1:8" x14ac:dyDescent="0.25">
      <c r="A91">
        <v>90</v>
      </c>
      <c r="B91" t="s">
        <v>281</v>
      </c>
      <c r="C91" t="s">
        <v>282</v>
      </c>
      <c r="D91" t="s">
        <v>283</v>
      </c>
      <c r="E91" t="s">
        <v>22</v>
      </c>
      <c r="F91" t="s">
        <v>12</v>
      </c>
      <c r="G91" t="s">
        <v>13</v>
      </c>
      <c r="H91" t="s">
        <v>29</v>
      </c>
    </row>
    <row r="92" spans="1:8" x14ac:dyDescent="0.25">
      <c r="A92">
        <v>91</v>
      </c>
      <c r="B92" t="s">
        <v>284</v>
      </c>
      <c r="C92" t="s">
        <v>285</v>
      </c>
      <c r="D92" t="s">
        <v>286</v>
      </c>
      <c r="E92" t="s">
        <v>22</v>
      </c>
      <c r="F92" t="s">
        <v>12</v>
      </c>
      <c r="G92" t="s">
        <v>13</v>
      </c>
      <c r="H92" t="s">
        <v>18</v>
      </c>
    </row>
    <row r="93" spans="1:8" x14ac:dyDescent="0.25">
      <c r="A93">
        <v>92</v>
      </c>
      <c r="B93" t="s">
        <v>287</v>
      </c>
      <c r="C93" t="s">
        <v>288</v>
      </c>
      <c r="D93" t="s">
        <v>289</v>
      </c>
      <c r="E93" t="s">
        <v>22</v>
      </c>
      <c r="F93" t="s">
        <v>12</v>
      </c>
      <c r="G93" t="s">
        <v>13</v>
      </c>
      <c r="H93" t="s">
        <v>18</v>
      </c>
    </row>
    <row r="94" spans="1:8" x14ac:dyDescent="0.25">
      <c r="A94">
        <v>93</v>
      </c>
      <c r="B94" t="s">
        <v>290</v>
      </c>
      <c r="C94" t="s">
        <v>291</v>
      </c>
      <c r="D94" t="s">
        <v>292</v>
      </c>
      <c r="E94" t="s">
        <v>22</v>
      </c>
      <c r="F94" t="s">
        <v>12</v>
      </c>
      <c r="G94" t="s">
        <v>13</v>
      </c>
      <c r="H94" t="s">
        <v>77</v>
      </c>
    </row>
    <row r="95" spans="1:8" x14ac:dyDescent="0.25">
      <c r="A95">
        <v>94</v>
      </c>
      <c r="B95" t="s">
        <v>293</v>
      </c>
      <c r="C95" t="s">
        <v>294</v>
      </c>
      <c r="D95" t="s">
        <v>295</v>
      </c>
      <c r="E95" t="s">
        <v>22</v>
      </c>
      <c r="F95" t="s">
        <v>12</v>
      </c>
      <c r="G95" t="s">
        <v>13</v>
      </c>
      <c r="H95" t="s">
        <v>230</v>
      </c>
    </row>
    <row r="96" spans="1:8" x14ac:dyDescent="0.25">
      <c r="A96">
        <v>95</v>
      </c>
      <c r="B96" t="s">
        <v>296</v>
      </c>
      <c r="C96" t="s">
        <v>297</v>
      </c>
      <c r="D96" t="s">
        <v>298</v>
      </c>
      <c r="E96" t="s">
        <v>22</v>
      </c>
      <c r="F96" t="s">
        <v>12</v>
      </c>
      <c r="G96" t="s">
        <v>13</v>
      </c>
      <c r="H96" t="s">
        <v>84</v>
      </c>
    </row>
    <row r="97" spans="1:8" x14ac:dyDescent="0.25">
      <c r="A97">
        <v>96</v>
      </c>
      <c r="B97" t="s">
        <v>299</v>
      </c>
      <c r="C97" t="s">
        <v>300</v>
      </c>
      <c r="D97" t="s">
        <v>301</v>
      </c>
      <c r="E97" t="s">
        <v>22</v>
      </c>
      <c r="F97" t="s">
        <v>12</v>
      </c>
      <c r="G97" t="s">
        <v>13</v>
      </c>
      <c r="H97" t="s">
        <v>18</v>
      </c>
    </row>
    <row r="98" spans="1:8" x14ac:dyDescent="0.25">
      <c r="A98">
        <v>97</v>
      </c>
      <c r="B98" t="s">
        <v>302</v>
      </c>
      <c r="C98" t="s">
        <v>303</v>
      </c>
      <c r="D98" t="s">
        <v>304</v>
      </c>
      <c r="E98" t="s">
        <v>11</v>
      </c>
      <c r="F98" t="s">
        <v>12</v>
      </c>
      <c r="G98" t="s">
        <v>13</v>
      </c>
      <c r="H98" t="s">
        <v>18</v>
      </c>
    </row>
    <row r="99" spans="1:8" x14ac:dyDescent="0.25">
      <c r="A99">
        <v>98</v>
      </c>
      <c r="B99" t="s">
        <v>305</v>
      </c>
      <c r="C99" t="s">
        <v>306</v>
      </c>
      <c r="D99" t="s">
        <v>307</v>
      </c>
      <c r="E99" t="s">
        <v>11</v>
      </c>
      <c r="F99" t="s">
        <v>12</v>
      </c>
      <c r="G99" t="s">
        <v>13</v>
      </c>
      <c r="H99" t="s">
        <v>18</v>
      </c>
    </row>
    <row r="100" spans="1:8" x14ac:dyDescent="0.25">
      <c r="A100">
        <v>99</v>
      </c>
      <c r="B100" t="s">
        <v>308</v>
      </c>
      <c r="C100" t="s">
        <v>309</v>
      </c>
      <c r="D100" t="s">
        <v>310</v>
      </c>
      <c r="E100" t="s">
        <v>22</v>
      </c>
      <c r="F100" t="s">
        <v>12</v>
      </c>
      <c r="G100" t="s">
        <v>13</v>
      </c>
      <c r="H100" t="s">
        <v>77</v>
      </c>
    </row>
    <row r="101" spans="1:8" x14ac:dyDescent="0.25">
      <c r="A101">
        <v>100</v>
      </c>
      <c r="B101" t="s">
        <v>311</v>
      </c>
      <c r="C101" t="s">
        <v>312</v>
      </c>
      <c r="D101" t="s">
        <v>313</v>
      </c>
      <c r="E101" t="s">
        <v>22</v>
      </c>
      <c r="F101" t="s">
        <v>12</v>
      </c>
      <c r="G101" t="s">
        <v>13</v>
      </c>
      <c r="H101" t="s">
        <v>14</v>
      </c>
    </row>
    <row r="102" spans="1:8" x14ac:dyDescent="0.25">
      <c r="A102">
        <v>101</v>
      </c>
      <c r="B102" t="s">
        <v>314</v>
      </c>
      <c r="C102" t="s">
        <v>315</v>
      </c>
      <c r="D102" t="s">
        <v>316</v>
      </c>
      <c r="E102" t="s">
        <v>22</v>
      </c>
      <c r="F102" t="s">
        <v>12</v>
      </c>
      <c r="G102" t="s">
        <v>13</v>
      </c>
      <c r="H102" t="s">
        <v>29</v>
      </c>
    </row>
    <row r="103" spans="1:8" x14ac:dyDescent="0.25">
      <c r="A103">
        <v>102</v>
      </c>
      <c r="B103" t="s">
        <v>317</v>
      </c>
      <c r="C103" t="s">
        <v>318</v>
      </c>
      <c r="D103" t="s">
        <v>319</v>
      </c>
      <c r="E103" t="s">
        <v>22</v>
      </c>
      <c r="F103" t="s">
        <v>12</v>
      </c>
      <c r="G103" t="s">
        <v>13</v>
      </c>
      <c r="H103" t="s">
        <v>29</v>
      </c>
    </row>
    <row r="104" spans="1:8" x14ac:dyDescent="0.25">
      <c r="A104">
        <v>103</v>
      </c>
      <c r="B104" t="s">
        <v>320</v>
      </c>
      <c r="C104" t="s">
        <v>321</v>
      </c>
      <c r="D104" t="s">
        <v>322</v>
      </c>
      <c r="E104" t="s">
        <v>22</v>
      </c>
      <c r="F104" t="s">
        <v>12</v>
      </c>
      <c r="G104" t="s">
        <v>13</v>
      </c>
      <c r="H104" t="s">
        <v>29</v>
      </c>
    </row>
    <row r="105" spans="1:8" x14ac:dyDescent="0.25">
      <c r="A105">
        <v>104</v>
      </c>
      <c r="B105" t="s">
        <v>323</v>
      </c>
      <c r="C105" t="s">
        <v>324</v>
      </c>
      <c r="D105" t="s">
        <v>325</v>
      </c>
      <c r="E105" t="s">
        <v>22</v>
      </c>
      <c r="F105" t="s">
        <v>12</v>
      </c>
      <c r="G105" t="s">
        <v>13</v>
      </c>
      <c r="H105" t="s">
        <v>230</v>
      </c>
    </row>
    <row r="106" spans="1:8" x14ac:dyDescent="0.25">
      <c r="A106">
        <v>105</v>
      </c>
      <c r="B106" t="s">
        <v>326</v>
      </c>
      <c r="C106" t="s">
        <v>327</v>
      </c>
      <c r="D106" t="s">
        <v>328</v>
      </c>
      <c r="E106" t="s">
        <v>22</v>
      </c>
      <c r="F106" t="s">
        <v>12</v>
      </c>
      <c r="G106" t="s">
        <v>13</v>
      </c>
      <c r="H106" t="s">
        <v>29</v>
      </c>
    </row>
    <row r="107" spans="1:8" x14ac:dyDescent="0.25">
      <c r="A107">
        <v>106</v>
      </c>
      <c r="B107" t="s">
        <v>329</v>
      </c>
      <c r="C107" t="s">
        <v>330</v>
      </c>
      <c r="D107" t="s">
        <v>331</v>
      </c>
      <c r="E107" t="s">
        <v>22</v>
      </c>
      <c r="F107" t="s">
        <v>12</v>
      </c>
      <c r="G107" t="s">
        <v>13</v>
      </c>
      <c r="H107" t="s">
        <v>77</v>
      </c>
    </row>
    <row r="108" spans="1:8" x14ac:dyDescent="0.25">
      <c r="A108">
        <v>107</v>
      </c>
      <c r="B108" t="s">
        <v>332</v>
      </c>
      <c r="C108" t="s">
        <v>333</v>
      </c>
      <c r="D108" t="s">
        <v>334</v>
      </c>
      <c r="E108" t="s">
        <v>22</v>
      </c>
      <c r="F108" t="s">
        <v>12</v>
      </c>
      <c r="G108" t="s">
        <v>13</v>
      </c>
      <c r="H108" t="s">
        <v>44</v>
      </c>
    </row>
    <row r="109" spans="1:8" x14ac:dyDescent="0.25">
      <c r="A109">
        <v>108</v>
      </c>
      <c r="B109" t="s">
        <v>335</v>
      </c>
      <c r="C109" t="s">
        <v>336</v>
      </c>
      <c r="D109" t="s">
        <v>337</v>
      </c>
      <c r="E109" t="s">
        <v>22</v>
      </c>
      <c r="F109" t="s">
        <v>12</v>
      </c>
      <c r="G109" t="s">
        <v>13</v>
      </c>
      <c r="H109" t="s">
        <v>77</v>
      </c>
    </row>
    <row r="110" spans="1:8" x14ac:dyDescent="0.25">
      <c r="A110">
        <v>109</v>
      </c>
      <c r="B110" t="s">
        <v>338</v>
      </c>
      <c r="C110" t="s">
        <v>339</v>
      </c>
      <c r="D110" t="s">
        <v>337</v>
      </c>
      <c r="E110" t="s">
        <v>22</v>
      </c>
      <c r="F110" t="s">
        <v>12</v>
      </c>
      <c r="G110" t="s">
        <v>13</v>
      </c>
      <c r="H110" t="s">
        <v>84</v>
      </c>
    </row>
    <row r="111" spans="1:8" x14ac:dyDescent="0.25">
      <c r="A111">
        <v>110</v>
      </c>
      <c r="B111" t="s">
        <v>340</v>
      </c>
      <c r="C111" t="s">
        <v>341</v>
      </c>
      <c r="D111" t="s">
        <v>342</v>
      </c>
      <c r="E111" t="s">
        <v>22</v>
      </c>
      <c r="F111" t="s">
        <v>12</v>
      </c>
      <c r="G111" t="s">
        <v>13</v>
      </c>
      <c r="H111" t="s">
        <v>18</v>
      </c>
    </row>
    <row r="112" spans="1:8" x14ac:dyDescent="0.25">
      <c r="A112">
        <v>111</v>
      </c>
      <c r="B112" t="s">
        <v>343</v>
      </c>
      <c r="C112" t="s">
        <v>344</v>
      </c>
      <c r="D112" t="s">
        <v>345</v>
      </c>
      <c r="E112" t="s">
        <v>123</v>
      </c>
      <c r="F112" t="s">
        <v>12</v>
      </c>
      <c r="G112" t="s">
        <v>13</v>
      </c>
      <c r="H112" t="s">
        <v>29</v>
      </c>
    </row>
    <row r="113" spans="1:8" x14ac:dyDescent="0.25">
      <c r="A113">
        <v>112</v>
      </c>
      <c r="B113" t="s">
        <v>346</v>
      </c>
      <c r="C113" t="s">
        <v>347</v>
      </c>
      <c r="D113" t="s">
        <v>348</v>
      </c>
      <c r="E113" t="s">
        <v>22</v>
      </c>
      <c r="F113" t="s">
        <v>12</v>
      </c>
      <c r="G113" t="s">
        <v>13</v>
      </c>
      <c r="H113" t="s">
        <v>14</v>
      </c>
    </row>
    <row r="114" spans="1:8" x14ac:dyDescent="0.25">
      <c r="A114">
        <v>113</v>
      </c>
      <c r="B114" t="s">
        <v>349</v>
      </c>
      <c r="C114" t="s">
        <v>350</v>
      </c>
      <c r="D114" t="s">
        <v>351</v>
      </c>
      <c r="E114" t="s">
        <v>22</v>
      </c>
      <c r="F114" t="s">
        <v>12</v>
      </c>
      <c r="G114" t="s">
        <v>13</v>
      </c>
      <c r="H114" t="s">
        <v>29</v>
      </c>
    </row>
    <row r="115" spans="1:8" x14ac:dyDescent="0.25">
      <c r="A115">
        <v>114</v>
      </c>
      <c r="B115" t="s">
        <v>352</v>
      </c>
      <c r="C115" t="s">
        <v>353</v>
      </c>
      <c r="D115" t="s">
        <v>194</v>
      </c>
      <c r="E115" t="s">
        <v>22</v>
      </c>
      <c r="F115" t="s">
        <v>12</v>
      </c>
      <c r="G115" t="s">
        <v>13</v>
      </c>
      <c r="H115" t="s">
        <v>84</v>
      </c>
    </row>
    <row r="116" spans="1:8" x14ac:dyDescent="0.25">
      <c r="A116">
        <v>115</v>
      </c>
      <c r="B116" t="s">
        <v>354</v>
      </c>
      <c r="C116" t="s">
        <v>355</v>
      </c>
      <c r="D116" t="s">
        <v>223</v>
      </c>
      <c r="E116" t="s">
        <v>22</v>
      </c>
      <c r="F116" t="s">
        <v>12</v>
      </c>
      <c r="G116" t="s">
        <v>13</v>
      </c>
      <c r="H116" t="s">
        <v>84</v>
      </c>
    </row>
    <row r="117" spans="1:8" x14ac:dyDescent="0.25">
      <c r="A117">
        <v>116</v>
      </c>
      <c r="B117" t="s">
        <v>356</v>
      </c>
      <c r="C117" t="s">
        <v>357</v>
      </c>
      <c r="D117" t="s">
        <v>358</v>
      </c>
      <c r="E117" t="s">
        <v>22</v>
      </c>
      <c r="F117" t="s">
        <v>12</v>
      </c>
      <c r="G117" t="s">
        <v>13</v>
      </c>
      <c r="H117" t="s">
        <v>44</v>
      </c>
    </row>
    <row r="118" spans="1:8" x14ac:dyDescent="0.25">
      <c r="A118">
        <v>117</v>
      </c>
      <c r="B118" t="s">
        <v>359</v>
      </c>
      <c r="C118" t="s">
        <v>360</v>
      </c>
      <c r="D118" t="s">
        <v>361</v>
      </c>
      <c r="E118" t="s">
        <v>22</v>
      </c>
      <c r="F118" t="s">
        <v>12</v>
      </c>
      <c r="G118" t="s">
        <v>13</v>
      </c>
      <c r="H118" t="s">
        <v>44</v>
      </c>
    </row>
    <row r="119" spans="1:8" x14ac:dyDescent="0.25">
      <c r="A119">
        <v>118</v>
      </c>
      <c r="B119" t="s">
        <v>362</v>
      </c>
      <c r="C119" t="s">
        <v>363</v>
      </c>
      <c r="D119" t="s">
        <v>364</v>
      </c>
      <c r="E119" t="s">
        <v>22</v>
      </c>
      <c r="F119" t="s">
        <v>12</v>
      </c>
      <c r="G119" t="s">
        <v>13</v>
      </c>
      <c r="H119" t="s">
        <v>44</v>
      </c>
    </row>
    <row r="120" spans="1:8" x14ac:dyDescent="0.25">
      <c r="A120">
        <v>119</v>
      </c>
      <c r="B120" t="s">
        <v>365</v>
      </c>
      <c r="C120" t="s">
        <v>366</v>
      </c>
      <c r="D120" t="s">
        <v>367</v>
      </c>
      <c r="E120" t="s">
        <v>22</v>
      </c>
      <c r="F120" t="s">
        <v>12</v>
      </c>
      <c r="G120" t="s">
        <v>13</v>
      </c>
      <c r="H120" t="s">
        <v>18</v>
      </c>
    </row>
    <row r="121" spans="1:8" x14ac:dyDescent="0.25">
      <c r="A121">
        <v>120</v>
      </c>
      <c r="B121" t="s">
        <v>368</v>
      </c>
      <c r="C121" t="s">
        <v>369</v>
      </c>
      <c r="D121" t="s">
        <v>214</v>
      </c>
      <c r="E121" t="s">
        <v>370</v>
      </c>
      <c r="F121" t="s">
        <v>12</v>
      </c>
      <c r="G121" t="s">
        <v>13</v>
      </c>
      <c r="H121" t="s">
        <v>18</v>
      </c>
    </row>
    <row r="122" spans="1:8" s="1" customFormat="1" x14ac:dyDescent="0.25">
      <c r="A122" s="1">
        <v>121</v>
      </c>
      <c r="B122" s="1" t="s">
        <v>371</v>
      </c>
      <c r="C122" s="1" t="s">
        <v>372</v>
      </c>
      <c r="D122" s="1" t="s">
        <v>545</v>
      </c>
      <c r="E122" s="1" t="s">
        <v>22</v>
      </c>
      <c r="F122" s="1" t="s">
        <v>12</v>
      </c>
      <c r="G122" s="1" t="s">
        <v>13</v>
      </c>
      <c r="H122" s="1" t="s">
        <v>44</v>
      </c>
    </row>
    <row r="123" spans="1:8" x14ac:dyDescent="0.25">
      <c r="A123">
        <v>122</v>
      </c>
      <c r="B123" t="s">
        <v>373</v>
      </c>
      <c r="C123" t="s">
        <v>374</v>
      </c>
      <c r="D123" t="s">
        <v>375</v>
      </c>
      <c r="E123" t="s">
        <v>22</v>
      </c>
      <c r="F123" t="s">
        <v>12</v>
      </c>
      <c r="G123" t="s">
        <v>13</v>
      </c>
      <c r="H123" t="s">
        <v>44</v>
      </c>
    </row>
    <row r="124" spans="1:8" x14ac:dyDescent="0.25">
      <c r="A124">
        <v>123</v>
      </c>
      <c r="B124" t="s">
        <v>376</v>
      </c>
      <c r="C124" t="s">
        <v>377</v>
      </c>
      <c r="D124" t="s">
        <v>378</v>
      </c>
      <c r="E124" t="s">
        <v>22</v>
      </c>
      <c r="F124" t="s">
        <v>12</v>
      </c>
      <c r="G124" t="s">
        <v>13</v>
      </c>
      <c r="H124" t="s">
        <v>29</v>
      </c>
    </row>
    <row r="125" spans="1:8" x14ac:dyDescent="0.25">
      <c r="A125">
        <v>124</v>
      </c>
      <c r="B125" t="s">
        <v>379</v>
      </c>
      <c r="C125" t="s">
        <v>380</v>
      </c>
      <c r="D125" t="s">
        <v>381</v>
      </c>
      <c r="E125" t="s">
        <v>22</v>
      </c>
      <c r="F125" t="s">
        <v>12</v>
      </c>
      <c r="G125" t="s">
        <v>13</v>
      </c>
      <c r="H125" t="s">
        <v>29</v>
      </c>
    </row>
    <row r="126" spans="1:8" x14ac:dyDescent="0.25">
      <c r="A126">
        <v>125</v>
      </c>
      <c r="B126" t="s">
        <v>382</v>
      </c>
      <c r="C126" t="s">
        <v>383</v>
      </c>
      <c r="D126" t="s">
        <v>384</v>
      </c>
      <c r="E126" t="s">
        <v>11</v>
      </c>
      <c r="F126" t="s">
        <v>12</v>
      </c>
      <c r="G126" t="s">
        <v>13</v>
      </c>
      <c r="H126" t="s">
        <v>18</v>
      </c>
    </row>
    <row r="127" spans="1:8" x14ac:dyDescent="0.25">
      <c r="A127">
        <v>126</v>
      </c>
      <c r="B127" t="s">
        <v>385</v>
      </c>
      <c r="C127" t="s">
        <v>386</v>
      </c>
      <c r="D127" t="s">
        <v>387</v>
      </c>
      <c r="E127" t="s">
        <v>22</v>
      </c>
      <c r="F127" t="s">
        <v>12</v>
      </c>
      <c r="G127" t="s">
        <v>13</v>
      </c>
      <c r="H127" t="s">
        <v>77</v>
      </c>
    </row>
    <row r="128" spans="1:8" x14ac:dyDescent="0.25">
      <c r="A128">
        <v>127</v>
      </c>
      <c r="B128" t="s">
        <v>388</v>
      </c>
      <c r="C128" t="s">
        <v>389</v>
      </c>
      <c r="D128" t="s">
        <v>390</v>
      </c>
      <c r="E128" t="s">
        <v>22</v>
      </c>
      <c r="F128" t="s">
        <v>12</v>
      </c>
      <c r="G128" t="s">
        <v>13</v>
      </c>
      <c r="H128" t="s">
        <v>18</v>
      </c>
    </row>
    <row r="129" spans="1:8" x14ac:dyDescent="0.25">
      <c r="A129">
        <v>128</v>
      </c>
      <c r="B129" t="s">
        <v>391</v>
      </c>
      <c r="C129" t="s">
        <v>392</v>
      </c>
      <c r="D129" t="s">
        <v>393</v>
      </c>
      <c r="E129" t="s">
        <v>11</v>
      </c>
      <c r="F129" t="s">
        <v>12</v>
      </c>
      <c r="G129" t="s">
        <v>13</v>
      </c>
      <c r="H129" t="s">
        <v>18</v>
      </c>
    </row>
    <row r="130" spans="1:8" x14ac:dyDescent="0.25">
      <c r="A130">
        <v>129</v>
      </c>
      <c r="B130" t="s">
        <v>394</v>
      </c>
      <c r="C130" t="s">
        <v>395</v>
      </c>
      <c r="D130" t="s">
        <v>396</v>
      </c>
      <c r="E130" t="s">
        <v>22</v>
      </c>
      <c r="F130" t="s">
        <v>12</v>
      </c>
      <c r="G130" t="s">
        <v>13</v>
      </c>
      <c r="H130" t="s">
        <v>29</v>
      </c>
    </row>
    <row r="131" spans="1:8" x14ac:dyDescent="0.25">
      <c r="A131">
        <v>130</v>
      </c>
      <c r="B131" t="s">
        <v>397</v>
      </c>
      <c r="C131" t="s">
        <v>398</v>
      </c>
      <c r="D131" t="s">
        <v>223</v>
      </c>
      <c r="E131" t="s">
        <v>22</v>
      </c>
      <c r="F131" t="s">
        <v>12</v>
      </c>
      <c r="G131" t="s">
        <v>13</v>
      </c>
      <c r="H131" t="s">
        <v>29</v>
      </c>
    </row>
    <row r="132" spans="1:8" x14ac:dyDescent="0.25">
      <c r="A132">
        <v>131</v>
      </c>
      <c r="B132" t="s">
        <v>399</v>
      </c>
      <c r="C132" t="s">
        <v>400</v>
      </c>
      <c r="D132" t="s">
        <v>401</v>
      </c>
      <c r="E132" t="s">
        <v>22</v>
      </c>
      <c r="F132" t="s">
        <v>12</v>
      </c>
      <c r="G132" t="s">
        <v>13</v>
      </c>
      <c r="H132" t="s">
        <v>44</v>
      </c>
    </row>
    <row r="133" spans="1:8" x14ac:dyDescent="0.25">
      <c r="A133">
        <v>132</v>
      </c>
      <c r="B133" t="s">
        <v>402</v>
      </c>
      <c r="C133" t="s">
        <v>403</v>
      </c>
      <c r="D133" t="s">
        <v>126</v>
      </c>
      <c r="E133" t="s">
        <v>22</v>
      </c>
      <c r="F133" t="s">
        <v>12</v>
      </c>
      <c r="G133" t="s">
        <v>13</v>
      </c>
      <c r="H133" t="s">
        <v>77</v>
      </c>
    </row>
    <row r="134" spans="1:8" x14ac:dyDescent="0.25">
      <c r="A134">
        <v>133</v>
      </c>
      <c r="B134" t="s">
        <v>404</v>
      </c>
      <c r="C134" t="s">
        <v>405</v>
      </c>
      <c r="D134" t="s">
        <v>406</v>
      </c>
      <c r="E134" t="s">
        <v>22</v>
      </c>
      <c r="F134" t="s">
        <v>12</v>
      </c>
      <c r="G134" t="s">
        <v>13</v>
      </c>
      <c r="H134" t="s">
        <v>14</v>
      </c>
    </row>
    <row r="135" spans="1:8" x14ac:dyDescent="0.25">
      <c r="A135">
        <v>134</v>
      </c>
      <c r="B135" t="s">
        <v>407</v>
      </c>
      <c r="C135" t="s">
        <v>408</v>
      </c>
      <c r="D135" t="s">
        <v>409</v>
      </c>
      <c r="E135" t="s">
        <v>22</v>
      </c>
      <c r="F135" t="s">
        <v>12</v>
      </c>
      <c r="G135" t="s">
        <v>13</v>
      </c>
      <c r="H135" t="s">
        <v>14</v>
      </c>
    </row>
    <row r="136" spans="1:8" x14ac:dyDescent="0.25">
      <c r="A136">
        <v>135</v>
      </c>
      <c r="B136" t="s">
        <v>410</v>
      </c>
      <c r="C136" t="s">
        <v>411</v>
      </c>
      <c r="D136" t="s">
        <v>412</v>
      </c>
      <c r="E136" t="s">
        <v>22</v>
      </c>
      <c r="F136" t="s">
        <v>12</v>
      </c>
      <c r="G136" t="s">
        <v>13</v>
      </c>
      <c r="H136" t="s">
        <v>14</v>
      </c>
    </row>
    <row r="137" spans="1:8" x14ac:dyDescent="0.25">
      <c r="A137">
        <v>136</v>
      </c>
      <c r="B137" t="s">
        <v>413</v>
      </c>
      <c r="C137" t="s">
        <v>414</v>
      </c>
      <c r="D137" t="s">
        <v>415</v>
      </c>
      <c r="E137" t="s">
        <v>22</v>
      </c>
      <c r="F137" t="s">
        <v>12</v>
      </c>
      <c r="G137" t="s">
        <v>13</v>
      </c>
      <c r="H137" t="s">
        <v>18</v>
      </c>
    </row>
    <row r="138" spans="1:8" x14ac:dyDescent="0.25">
      <c r="A138">
        <v>137</v>
      </c>
      <c r="B138" t="s">
        <v>416</v>
      </c>
      <c r="C138" t="s">
        <v>417</v>
      </c>
      <c r="D138" t="s">
        <v>418</v>
      </c>
      <c r="E138" t="s">
        <v>22</v>
      </c>
      <c r="F138" t="s">
        <v>12</v>
      </c>
      <c r="G138" t="s">
        <v>13</v>
      </c>
      <c r="H138" t="s">
        <v>18</v>
      </c>
    </row>
    <row r="139" spans="1:8" x14ac:dyDescent="0.25">
      <c r="A139">
        <v>138</v>
      </c>
      <c r="B139" t="s">
        <v>419</v>
      </c>
      <c r="C139" t="s">
        <v>420</v>
      </c>
      <c r="D139" t="s">
        <v>421</v>
      </c>
      <c r="E139" t="s">
        <v>22</v>
      </c>
      <c r="F139" t="s">
        <v>12</v>
      </c>
      <c r="G139" t="s">
        <v>13</v>
      </c>
      <c r="H139" t="s">
        <v>18</v>
      </c>
    </row>
    <row r="140" spans="1:8" x14ac:dyDescent="0.25">
      <c r="A140">
        <v>139</v>
      </c>
      <c r="B140" t="s">
        <v>422</v>
      </c>
      <c r="C140" t="s">
        <v>423</v>
      </c>
      <c r="D140" t="s">
        <v>424</v>
      </c>
      <c r="E140" t="s">
        <v>22</v>
      </c>
      <c r="F140" t="s">
        <v>12</v>
      </c>
      <c r="G140" t="s">
        <v>13</v>
      </c>
      <c r="H140" t="s">
        <v>18</v>
      </c>
    </row>
    <row r="141" spans="1:8" x14ac:dyDescent="0.25">
      <c r="A141">
        <v>140</v>
      </c>
      <c r="B141" t="s">
        <v>425</v>
      </c>
      <c r="C141" t="s">
        <v>426</v>
      </c>
      <c r="D141" t="s">
        <v>427</v>
      </c>
      <c r="E141" t="s">
        <v>22</v>
      </c>
      <c r="F141" t="s">
        <v>12</v>
      </c>
      <c r="G141" t="s">
        <v>13</v>
      </c>
      <c r="H141" t="s">
        <v>18</v>
      </c>
    </row>
    <row r="142" spans="1:8" x14ac:dyDescent="0.25">
      <c r="A142">
        <v>141</v>
      </c>
      <c r="B142" t="s">
        <v>428</v>
      </c>
      <c r="C142" t="s">
        <v>429</v>
      </c>
      <c r="D142" t="s">
        <v>430</v>
      </c>
      <c r="E142" t="s">
        <v>22</v>
      </c>
      <c r="F142" t="s">
        <v>12</v>
      </c>
      <c r="G142" t="s">
        <v>13</v>
      </c>
      <c r="H142" t="s">
        <v>18</v>
      </c>
    </row>
    <row r="143" spans="1:8" x14ac:dyDescent="0.25">
      <c r="A143">
        <v>142</v>
      </c>
      <c r="B143" t="s">
        <v>422</v>
      </c>
      <c r="C143" t="s">
        <v>431</v>
      </c>
      <c r="D143" t="s">
        <v>432</v>
      </c>
      <c r="E143" t="s">
        <v>22</v>
      </c>
      <c r="F143" t="s">
        <v>12</v>
      </c>
      <c r="G143" t="s">
        <v>13</v>
      </c>
      <c r="H143" t="s">
        <v>18</v>
      </c>
    </row>
    <row r="144" spans="1:8" x14ac:dyDescent="0.25">
      <c r="A144">
        <v>143</v>
      </c>
      <c r="B144" t="s">
        <v>433</v>
      </c>
      <c r="C144" t="s">
        <v>434</v>
      </c>
      <c r="D144" t="s">
        <v>223</v>
      </c>
      <c r="E144" t="s">
        <v>22</v>
      </c>
      <c r="F144" t="s">
        <v>12</v>
      </c>
      <c r="G144" t="s">
        <v>13</v>
      </c>
      <c r="H144" t="s">
        <v>84</v>
      </c>
    </row>
    <row r="145" spans="1:8" x14ac:dyDescent="0.25">
      <c r="A145">
        <v>144</v>
      </c>
      <c r="B145" t="s">
        <v>435</v>
      </c>
      <c r="C145" t="s">
        <v>436</v>
      </c>
      <c r="D145" t="s">
        <v>437</v>
      </c>
      <c r="E145" t="s">
        <v>11</v>
      </c>
      <c r="F145" t="s">
        <v>12</v>
      </c>
      <c r="G145" t="s">
        <v>13</v>
      </c>
      <c r="H145" t="s">
        <v>29</v>
      </c>
    </row>
    <row r="146" spans="1:8" x14ac:dyDescent="0.25">
      <c r="A146">
        <v>145</v>
      </c>
      <c r="B146" t="s">
        <v>438</v>
      </c>
      <c r="C146" t="s">
        <v>439</v>
      </c>
      <c r="D146" t="s">
        <v>440</v>
      </c>
      <c r="E146" t="s">
        <v>22</v>
      </c>
      <c r="F146" t="s">
        <v>12</v>
      </c>
      <c r="G146" t="s">
        <v>13</v>
      </c>
      <c r="H146" t="s">
        <v>77</v>
      </c>
    </row>
    <row r="147" spans="1:8" x14ac:dyDescent="0.25">
      <c r="A147">
        <v>146</v>
      </c>
      <c r="B147" t="s">
        <v>441</v>
      </c>
      <c r="C147" t="s">
        <v>442</v>
      </c>
      <c r="D147" t="s">
        <v>440</v>
      </c>
      <c r="E147" t="s">
        <v>22</v>
      </c>
      <c r="F147" t="s">
        <v>12</v>
      </c>
      <c r="G147" t="s">
        <v>13</v>
      </c>
      <c r="H147" t="s">
        <v>77</v>
      </c>
    </row>
    <row r="148" spans="1:8" x14ac:dyDescent="0.25">
      <c r="A148">
        <v>147</v>
      </c>
      <c r="B148" t="s">
        <v>443</v>
      </c>
      <c r="C148" t="s">
        <v>444</v>
      </c>
      <c r="D148" t="s">
        <v>217</v>
      </c>
      <c r="E148" t="s">
        <v>22</v>
      </c>
      <c r="F148" t="s">
        <v>12</v>
      </c>
      <c r="G148" t="s">
        <v>13</v>
      </c>
      <c r="H148" t="s">
        <v>14</v>
      </c>
    </row>
    <row r="149" spans="1:8" x14ac:dyDescent="0.25">
      <c r="A149">
        <v>148</v>
      </c>
      <c r="B149" t="s">
        <v>445</v>
      </c>
      <c r="C149" t="s">
        <v>446</v>
      </c>
      <c r="D149" t="s">
        <v>447</v>
      </c>
      <c r="E149" t="s">
        <v>22</v>
      </c>
      <c r="F149" t="s">
        <v>12</v>
      </c>
      <c r="G149" t="s">
        <v>13</v>
      </c>
      <c r="H149" t="s">
        <v>14</v>
      </c>
    </row>
    <row r="150" spans="1:8" x14ac:dyDescent="0.25">
      <c r="A150">
        <v>149</v>
      </c>
      <c r="B150" t="s">
        <v>448</v>
      </c>
      <c r="C150" t="s">
        <v>449</v>
      </c>
      <c r="D150" t="s">
        <v>217</v>
      </c>
      <c r="E150" t="s">
        <v>22</v>
      </c>
      <c r="F150" t="s">
        <v>12</v>
      </c>
      <c r="G150" t="s">
        <v>13</v>
      </c>
      <c r="H150" t="s">
        <v>14</v>
      </c>
    </row>
    <row r="151" spans="1:8" x14ac:dyDescent="0.25">
      <c r="A151">
        <v>150</v>
      </c>
      <c r="B151" t="s">
        <v>450</v>
      </c>
      <c r="C151" t="s">
        <v>451</v>
      </c>
      <c r="D151" t="s">
        <v>440</v>
      </c>
      <c r="E151" t="s">
        <v>22</v>
      </c>
      <c r="F151" t="s">
        <v>12</v>
      </c>
      <c r="G151" t="s">
        <v>13</v>
      </c>
      <c r="H151" t="s">
        <v>14</v>
      </c>
    </row>
    <row r="152" spans="1:8" x14ac:dyDescent="0.25">
      <c r="A152">
        <v>151</v>
      </c>
      <c r="B152" t="s">
        <v>452</v>
      </c>
      <c r="C152" t="s">
        <v>453</v>
      </c>
      <c r="D152" t="s">
        <v>454</v>
      </c>
      <c r="E152" t="s">
        <v>11</v>
      </c>
      <c r="F152" t="s">
        <v>12</v>
      </c>
      <c r="G152" t="s">
        <v>13</v>
      </c>
      <c r="H152" t="s">
        <v>44</v>
      </c>
    </row>
    <row r="153" spans="1:8" x14ac:dyDescent="0.25">
      <c r="A153">
        <v>152</v>
      </c>
      <c r="B153" t="s">
        <v>455</v>
      </c>
      <c r="C153" t="s">
        <v>456</v>
      </c>
      <c r="D153" t="s">
        <v>457</v>
      </c>
      <c r="E153" t="s">
        <v>22</v>
      </c>
      <c r="F153" t="s">
        <v>12</v>
      </c>
      <c r="G153" t="s">
        <v>13</v>
      </c>
      <c r="H153" t="s">
        <v>14</v>
      </c>
    </row>
    <row r="154" spans="1:8" x14ac:dyDescent="0.25">
      <c r="A154">
        <v>153</v>
      </c>
      <c r="B154" t="s">
        <v>458</v>
      </c>
      <c r="C154" t="s">
        <v>459</v>
      </c>
      <c r="D154" t="s">
        <v>460</v>
      </c>
      <c r="E154" t="s">
        <v>22</v>
      </c>
      <c r="F154" t="s">
        <v>12</v>
      </c>
      <c r="G154" t="s">
        <v>13</v>
      </c>
      <c r="H154" t="s">
        <v>29</v>
      </c>
    </row>
    <row r="155" spans="1:8" x14ac:dyDescent="0.25">
      <c r="A155">
        <v>154</v>
      </c>
      <c r="B155" t="s">
        <v>461</v>
      </c>
      <c r="C155" t="s">
        <v>462</v>
      </c>
      <c r="E155" t="s">
        <v>22</v>
      </c>
      <c r="F155" t="s">
        <v>12</v>
      </c>
      <c r="G155" t="s">
        <v>13</v>
      </c>
      <c r="H155" t="s">
        <v>14</v>
      </c>
    </row>
    <row r="156" spans="1:8" x14ac:dyDescent="0.25">
      <c r="A156">
        <v>155</v>
      </c>
      <c r="B156" t="s">
        <v>463</v>
      </c>
      <c r="C156" t="s">
        <v>464</v>
      </c>
      <c r="D156" t="s">
        <v>465</v>
      </c>
      <c r="E156" t="s">
        <v>22</v>
      </c>
      <c r="F156" t="s">
        <v>12</v>
      </c>
      <c r="G156" t="s">
        <v>13</v>
      </c>
      <c r="H156" t="s">
        <v>44</v>
      </c>
    </row>
    <row r="157" spans="1:8" x14ac:dyDescent="0.25">
      <c r="A157">
        <v>156</v>
      </c>
      <c r="B157" t="s">
        <v>466</v>
      </c>
      <c r="C157" t="s">
        <v>467</v>
      </c>
      <c r="D157" t="s">
        <v>468</v>
      </c>
      <c r="E157" t="s">
        <v>22</v>
      </c>
      <c r="F157" t="s">
        <v>12</v>
      </c>
      <c r="G157" t="s">
        <v>13</v>
      </c>
      <c r="H157" t="s">
        <v>44</v>
      </c>
    </row>
    <row r="158" spans="1:8" x14ac:dyDescent="0.25">
      <c r="A158">
        <v>157</v>
      </c>
      <c r="B158" t="s">
        <v>469</v>
      </c>
      <c r="C158" t="s">
        <v>470</v>
      </c>
      <c r="D158" t="s">
        <v>471</v>
      </c>
      <c r="E158" t="s">
        <v>22</v>
      </c>
      <c r="F158" t="s">
        <v>12</v>
      </c>
      <c r="G158" t="s">
        <v>13</v>
      </c>
      <c r="H158" t="s">
        <v>230</v>
      </c>
    </row>
    <row r="159" spans="1:8" x14ac:dyDescent="0.25">
      <c r="A159">
        <v>158</v>
      </c>
      <c r="B159" t="s">
        <v>472</v>
      </c>
      <c r="C159" t="s">
        <v>473</v>
      </c>
      <c r="D159" t="s">
        <v>474</v>
      </c>
      <c r="E159" t="s">
        <v>22</v>
      </c>
      <c r="F159" t="s">
        <v>12</v>
      </c>
      <c r="G159" t="s">
        <v>13</v>
      </c>
      <c r="H159" t="s">
        <v>18</v>
      </c>
    </row>
    <row r="160" spans="1:8" x14ac:dyDescent="0.25">
      <c r="A160">
        <v>159</v>
      </c>
      <c r="B160" t="s">
        <v>475</v>
      </c>
      <c r="C160" t="s">
        <v>476</v>
      </c>
      <c r="D160" t="s">
        <v>477</v>
      </c>
      <c r="E160" t="s">
        <v>11</v>
      </c>
      <c r="F160" t="s">
        <v>12</v>
      </c>
      <c r="G160" t="s">
        <v>13</v>
      </c>
      <c r="H160" t="s">
        <v>18</v>
      </c>
    </row>
    <row r="161" spans="1:8" x14ac:dyDescent="0.25">
      <c r="A161">
        <v>160</v>
      </c>
      <c r="B161" t="s">
        <v>478</v>
      </c>
      <c r="C161" t="s">
        <v>479</v>
      </c>
      <c r="D161" t="s">
        <v>480</v>
      </c>
      <c r="E161" t="s">
        <v>22</v>
      </c>
      <c r="F161" t="s">
        <v>12</v>
      </c>
      <c r="G161" t="s">
        <v>13</v>
      </c>
      <c r="H161" t="s">
        <v>18</v>
      </c>
    </row>
    <row r="162" spans="1:8" x14ac:dyDescent="0.25">
      <c r="A162">
        <v>300</v>
      </c>
      <c r="B162" t="s">
        <v>481</v>
      </c>
      <c r="C162" t="s">
        <v>482</v>
      </c>
      <c r="D162" t="s">
        <v>483</v>
      </c>
      <c r="E162" t="s">
        <v>484</v>
      </c>
      <c r="F162" t="s">
        <v>12</v>
      </c>
      <c r="G162" t="s">
        <v>485</v>
      </c>
      <c r="H162" t="s">
        <v>14</v>
      </c>
    </row>
    <row r="163" spans="1:8" x14ac:dyDescent="0.25">
      <c r="A163">
        <v>301</v>
      </c>
      <c r="B163" t="s">
        <v>486</v>
      </c>
      <c r="C163" t="s">
        <v>487</v>
      </c>
      <c r="D163" t="s">
        <v>488</v>
      </c>
      <c r="E163" t="s">
        <v>484</v>
      </c>
      <c r="F163" t="s">
        <v>12</v>
      </c>
      <c r="G163" t="s">
        <v>485</v>
      </c>
      <c r="H163" t="s">
        <v>14</v>
      </c>
    </row>
    <row r="164" spans="1:8" x14ac:dyDescent="0.25">
      <c r="A164">
        <v>302</v>
      </c>
      <c r="B164" t="s">
        <v>489</v>
      </c>
      <c r="C164" t="s">
        <v>490</v>
      </c>
      <c r="D164" t="s">
        <v>491</v>
      </c>
      <c r="E164" t="s">
        <v>492</v>
      </c>
      <c r="F164" t="s">
        <v>12</v>
      </c>
      <c r="G164" t="s">
        <v>485</v>
      </c>
      <c r="H164" t="s">
        <v>14</v>
      </c>
    </row>
    <row r="165" spans="1:8" x14ac:dyDescent="0.25">
      <c r="A165">
        <v>303</v>
      </c>
      <c r="B165" t="s">
        <v>493</v>
      </c>
      <c r="C165" t="s">
        <v>494</v>
      </c>
      <c r="D165" t="s">
        <v>495</v>
      </c>
      <c r="E165" t="s">
        <v>484</v>
      </c>
      <c r="F165" t="s">
        <v>12</v>
      </c>
      <c r="G165" t="s">
        <v>485</v>
      </c>
      <c r="H165" t="s">
        <v>14</v>
      </c>
    </row>
    <row r="166" spans="1:8" x14ac:dyDescent="0.25">
      <c r="A166">
        <v>304</v>
      </c>
      <c r="B166" t="s">
        <v>496</v>
      </c>
      <c r="C166" t="s">
        <v>497</v>
      </c>
      <c r="D166" t="s">
        <v>498</v>
      </c>
      <c r="E166" t="s">
        <v>22</v>
      </c>
      <c r="F166" t="s">
        <v>12</v>
      </c>
      <c r="G166" t="s">
        <v>485</v>
      </c>
      <c r="H166" t="s">
        <v>14</v>
      </c>
    </row>
    <row r="167" spans="1:8" x14ac:dyDescent="0.25">
      <c r="A167">
        <v>305</v>
      </c>
      <c r="B167" t="s">
        <v>499</v>
      </c>
      <c r="C167" t="s">
        <v>500</v>
      </c>
      <c r="E167" t="s">
        <v>501</v>
      </c>
      <c r="F167" t="s">
        <v>12</v>
      </c>
      <c r="G167" t="s">
        <v>485</v>
      </c>
      <c r="H167" t="s">
        <v>14</v>
      </c>
    </row>
    <row r="168" spans="1:8" x14ac:dyDescent="0.25">
      <c r="A168">
        <v>306</v>
      </c>
      <c r="B168" t="s">
        <v>502</v>
      </c>
      <c r="C168" t="s">
        <v>503</v>
      </c>
      <c r="D168" t="s">
        <v>504</v>
      </c>
      <c r="E168" t="s">
        <v>22</v>
      </c>
      <c r="F168" t="s">
        <v>12</v>
      </c>
      <c r="G168" t="s">
        <v>485</v>
      </c>
      <c r="H168" t="s">
        <v>14</v>
      </c>
    </row>
    <row r="169" spans="1:8" x14ac:dyDescent="0.25">
      <c r="A169">
        <v>307</v>
      </c>
      <c r="B169" t="s">
        <v>505</v>
      </c>
      <c r="C169" t="s">
        <v>506</v>
      </c>
      <c r="D169" t="s">
        <v>507</v>
      </c>
      <c r="E169" t="s">
        <v>484</v>
      </c>
      <c r="F169" t="s">
        <v>12</v>
      </c>
      <c r="G169" t="s">
        <v>485</v>
      </c>
      <c r="H169" t="s">
        <v>14</v>
      </c>
    </row>
    <row r="170" spans="1:8" x14ac:dyDescent="0.25">
      <c r="A170">
        <v>308</v>
      </c>
      <c r="B170" t="s">
        <v>508</v>
      </c>
      <c r="C170" t="s">
        <v>509</v>
      </c>
      <c r="D170" t="s">
        <v>510</v>
      </c>
      <c r="E170" t="s">
        <v>484</v>
      </c>
      <c r="F170" t="s">
        <v>12</v>
      </c>
      <c r="G170" t="s">
        <v>485</v>
      </c>
      <c r="H170" t="s">
        <v>14</v>
      </c>
    </row>
    <row r="171" spans="1:8" x14ac:dyDescent="0.25">
      <c r="A171">
        <v>309</v>
      </c>
      <c r="B171" t="s">
        <v>511</v>
      </c>
      <c r="C171" t="s">
        <v>512</v>
      </c>
      <c r="D171" t="s">
        <v>513</v>
      </c>
      <c r="E171" t="s">
        <v>484</v>
      </c>
      <c r="F171" t="s">
        <v>12</v>
      </c>
      <c r="G171" t="s">
        <v>485</v>
      </c>
      <c r="H171" t="s">
        <v>14</v>
      </c>
    </row>
    <row r="172" spans="1:8" x14ac:dyDescent="0.25">
      <c r="A172">
        <v>310</v>
      </c>
      <c r="B172" t="s">
        <v>514</v>
      </c>
      <c r="C172" t="s">
        <v>515</v>
      </c>
      <c r="D172" t="s">
        <v>516</v>
      </c>
      <c r="E172" t="s">
        <v>484</v>
      </c>
      <c r="F172" t="s">
        <v>12</v>
      </c>
      <c r="G172" t="s">
        <v>485</v>
      </c>
      <c r="H172" t="s">
        <v>14</v>
      </c>
    </row>
    <row r="173" spans="1:8" x14ac:dyDescent="0.25">
      <c r="A173">
        <v>311</v>
      </c>
      <c r="B173" t="s">
        <v>517</v>
      </c>
      <c r="C173" t="s">
        <v>518</v>
      </c>
      <c r="D173" t="s">
        <v>519</v>
      </c>
      <c r="E173" t="s">
        <v>484</v>
      </c>
      <c r="F173" t="s">
        <v>12</v>
      </c>
      <c r="G173" t="s">
        <v>485</v>
      </c>
      <c r="H173" t="s">
        <v>14</v>
      </c>
    </row>
    <row r="174" spans="1:8" x14ac:dyDescent="0.25">
      <c r="A174">
        <v>312</v>
      </c>
      <c r="B174" t="s">
        <v>520</v>
      </c>
      <c r="C174" t="s">
        <v>521</v>
      </c>
      <c r="D174" t="s">
        <v>513</v>
      </c>
      <c r="E174" t="s">
        <v>484</v>
      </c>
      <c r="F174" t="s">
        <v>12</v>
      </c>
      <c r="G174" t="s">
        <v>485</v>
      </c>
      <c r="H174" t="s">
        <v>14</v>
      </c>
    </row>
    <row r="175" spans="1:8" x14ac:dyDescent="0.25">
      <c r="A175">
        <v>400</v>
      </c>
      <c r="B175" t="s">
        <v>522</v>
      </c>
      <c r="C175" t="s">
        <v>523</v>
      </c>
      <c r="D175" t="s">
        <v>223</v>
      </c>
      <c r="E175" t="s">
        <v>11</v>
      </c>
      <c r="F175" t="s">
        <v>12</v>
      </c>
      <c r="G175" t="s">
        <v>524</v>
      </c>
    </row>
    <row r="176" spans="1:8" x14ac:dyDescent="0.25">
      <c r="A176">
        <v>401</v>
      </c>
      <c r="B176" t="s">
        <v>525</v>
      </c>
      <c r="C176" t="s">
        <v>526</v>
      </c>
      <c r="D176" t="s">
        <v>223</v>
      </c>
      <c r="E176" t="s">
        <v>11</v>
      </c>
      <c r="F176" t="s">
        <v>12</v>
      </c>
      <c r="G176" t="s">
        <v>524</v>
      </c>
    </row>
    <row r="177" spans="1:8" x14ac:dyDescent="0.25">
      <c r="A177">
        <v>402</v>
      </c>
      <c r="B177" t="s">
        <v>527</v>
      </c>
      <c r="C177" t="s">
        <v>528</v>
      </c>
      <c r="E177" t="s">
        <v>11</v>
      </c>
      <c r="F177" t="s">
        <v>12</v>
      </c>
      <c r="G177" t="s">
        <v>524</v>
      </c>
    </row>
    <row r="178" spans="1:8" x14ac:dyDescent="0.25">
      <c r="A178">
        <v>500</v>
      </c>
      <c r="B178" t="s">
        <v>529</v>
      </c>
      <c r="C178" t="s">
        <v>530</v>
      </c>
      <c r="D178" t="s">
        <v>531</v>
      </c>
      <c r="E178" t="s">
        <v>11</v>
      </c>
      <c r="F178" t="s">
        <v>12</v>
      </c>
      <c r="G178" t="s">
        <v>532</v>
      </c>
      <c r="H178" t="s">
        <v>14</v>
      </c>
    </row>
    <row r="179" spans="1:8" x14ac:dyDescent="0.25">
      <c r="A179">
        <v>501</v>
      </c>
      <c r="B179" t="s">
        <v>533</v>
      </c>
      <c r="C179" t="s">
        <v>534</v>
      </c>
      <c r="D179" t="s">
        <v>535</v>
      </c>
      <c r="E179" t="s">
        <v>11</v>
      </c>
      <c r="F179" t="s">
        <v>12</v>
      </c>
      <c r="G179" t="s">
        <v>532</v>
      </c>
      <c r="H179" t="s">
        <v>77</v>
      </c>
    </row>
    <row r="180" spans="1:8" x14ac:dyDescent="0.25">
      <c r="A180">
        <v>502</v>
      </c>
      <c r="B180" t="s">
        <v>536</v>
      </c>
      <c r="C180" t="s">
        <v>537</v>
      </c>
      <c r="D180" t="s">
        <v>538</v>
      </c>
      <c r="E180" t="s">
        <v>11</v>
      </c>
      <c r="F180" t="s">
        <v>12</v>
      </c>
      <c r="G180" t="s">
        <v>532</v>
      </c>
      <c r="H180" t="s">
        <v>29</v>
      </c>
    </row>
    <row r="181" spans="1:8" x14ac:dyDescent="0.25">
      <c r="A181">
        <v>503</v>
      </c>
      <c r="B181" t="s">
        <v>539</v>
      </c>
      <c r="C181" t="s">
        <v>540</v>
      </c>
      <c r="D181" t="s">
        <v>541</v>
      </c>
      <c r="E181" t="s">
        <v>11</v>
      </c>
      <c r="F181" t="s">
        <v>12</v>
      </c>
      <c r="G181" t="s">
        <v>532</v>
      </c>
    </row>
    <row r="182" spans="1:8" x14ac:dyDescent="0.25">
      <c r="A182">
        <v>504</v>
      </c>
      <c r="B182" t="s">
        <v>542</v>
      </c>
      <c r="C182" t="s">
        <v>543</v>
      </c>
      <c r="D182" t="s">
        <v>544</v>
      </c>
      <c r="E182" t="s">
        <v>11</v>
      </c>
      <c r="F182" t="s">
        <v>12</v>
      </c>
      <c r="G182" t="s">
        <v>532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57objectclass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k Stoakes</dc:creator>
  <cp:lastModifiedBy>Mark Stoakes</cp:lastModifiedBy>
  <dcterms:created xsi:type="dcterms:W3CDTF">2019-06-17T15:42:33Z</dcterms:created>
  <dcterms:modified xsi:type="dcterms:W3CDTF">2019-06-17T17:29:42Z</dcterms:modified>
</cp:coreProperties>
</file>